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531" r:id="rId2"/>
    <p:sldId id="289" r:id="rId3"/>
    <p:sldId id="292" r:id="rId4"/>
    <p:sldId id="294" r:id="rId5"/>
    <p:sldId id="533" r:id="rId6"/>
    <p:sldId id="534" r:id="rId7"/>
    <p:sldId id="298" r:id="rId8"/>
    <p:sldId id="535" r:id="rId9"/>
    <p:sldId id="532" r:id="rId10"/>
    <p:sldId id="302" r:id="rId11"/>
    <p:sldId id="303" r:id="rId12"/>
    <p:sldId id="307" r:id="rId13"/>
    <p:sldId id="301" r:id="rId14"/>
  </p:sldIdLst>
  <p:sldSz cx="12192000" cy="6858000"/>
  <p:notesSz cx="6858000" cy="9144000"/>
  <p:embeddedFontLst>
    <p:embeddedFont>
      <p:font typeface="Aharoni" panose="02010803020104030203" pitchFamily="2" charset="-79"/>
      <p:bold r:id="rId17"/>
    </p:embeddedFont>
    <p:embeddedFont>
      <p:font typeface="Montserrat" panose="00000500000000000000" pitchFamily="2" charset="0"/>
      <p:regular r:id="rId18"/>
      <p:bold r:id="rId19"/>
      <p:italic r:id="rId20"/>
      <p:boldItalic r:id="rId21"/>
    </p:embeddedFont>
    <p:embeddedFont>
      <p:font typeface="Montserrat Medium" panose="00000600000000000000" pitchFamily="2" charset="0"/>
      <p:regular r:id="rId22"/>
      <p:italic r:id="rId23"/>
    </p:embeddedFont>
    <p:embeddedFont>
      <p:font typeface="Open Sans" panose="020B0606030504020204" pitchFamily="34" charset="0"/>
      <p:regular r:id="rId24"/>
      <p:bold r:id="rId25"/>
      <p:italic r:id="rId26"/>
      <p:boldItalic r:id="rId27"/>
    </p:embeddedFont>
    <p:embeddedFont>
      <p:font typeface="Plus Jakarta Sans" panose="020B0604020202020204" charset="0"/>
      <p:regular r:id="rId28"/>
      <p:bold r:id="rId29"/>
      <p:italic r:id="rId30"/>
      <p:boldItalic r:id="rId31"/>
    </p:embeddedFont>
    <p:embeddedFont>
      <p:font typeface="Poppins SemiBold" panose="00000700000000000000" pitchFamily="2" charset="0"/>
      <p:regular r:id="rId32"/>
      <p:bold r:id="rId33"/>
      <p:italic r:id="rId34"/>
      <p:boldItalic r:id="rId35"/>
    </p:embeddedFont>
    <p:embeddedFont>
      <p:font typeface="Segoe UI" panose="020B0502040204020203" pitchFamily="34" charset="0"/>
      <p:regular r:id="rId36"/>
      <p:bold r:id="rId37"/>
      <p:italic r:id="rId38"/>
      <p:boldItalic r:id="rId39"/>
    </p:embeddedFont>
    <p:embeddedFont>
      <p:font typeface="Verdana" panose="020B0604030504040204" pitchFamily="34" charset="0"/>
      <p:regular r:id="rId40"/>
      <p:bold r:id="rId41"/>
      <p:italic r:id="rId42"/>
      <p:boldItalic r:id="rId43"/>
    </p:embeddedFont>
  </p:embeddedFontLst>
  <p:custDataLst>
    <p:tags r:id="rId44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696C2E7-5934-4EF1-A014-B682C4DB0B8C}" v="30" dt="2025-11-20T10:42:05.073"/>
  </p1510:revLst>
</p1510:revInfo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1" autoAdjust="0"/>
    <p:restoredTop sz="94660"/>
  </p:normalViewPr>
  <p:slideViewPr>
    <p:cSldViewPr snapToGrid="0">
      <p:cViewPr>
        <p:scale>
          <a:sx n="100" d="100"/>
          <a:sy n="100" d="100"/>
        </p:scale>
        <p:origin x="582" y="72"/>
      </p:cViewPr>
      <p:guideLst/>
    </p:cSldViewPr>
  </p:slideViewPr>
  <p:notesTextViewPr>
    <p:cViewPr>
      <p:scale>
        <a:sx n="20" d="100"/>
        <a:sy n="20" d="100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9" Type="http://schemas.openxmlformats.org/officeDocument/2006/relationships/font" Target="fonts/font23.fntdata"/><Relationship Id="rId21" Type="http://schemas.openxmlformats.org/officeDocument/2006/relationships/font" Target="fonts/font5.fntdata"/><Relationship Id="rId34" Type="http://schemas.openxmlformats.org/officeDocument/2006/relationships/font" Target="fonts/font18.fntdata"/><Relationship Id="rId42" Type="http://schemas.openxmlformats.org/officeDocument/2006/relationships/font" Target="fonts/font26.fntdata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9" Type="http://schemas.openxmlformats.org/officeDocument/2006/relationships/font" Target="fonts/font13.fntdata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font" Target="fonts/font16.fntdata"/><Relationship Id="rId37" Type="http://schemas.openxmlformats.org/officeDocument/2006/relationships/font" Target="fonts/font21.fntdata"/><Relationship Id="rId40" Type="http://schemas.openxmlformats.org/officeDocument/2006/relationships/font" Target="fonts/font24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openxmlformats.org/officeDocument/2006/relationships/font" Target="fonts/font20.fntdata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4" Type="http://schemas.openxmlformats.org/officeDocument/2006/relationships/tags" Target="tags/tag1.xml"/><Relationship Id="rId94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font" Target="fonts/font19.fntdata"/><Relationship Id="rId43" Type="http://schemas.openxmlformats.org/officeDocument/2006/relationships/font" Target="fonts/font27.fntdata"/><Relationship Id="rId8" Type="http://schemas.openxmlformats.org/officeDocument/2006/relationships/slide" Target="slides/slide7.xml"/><Relationship Id="rId93" Type="http://schemas.microsoft.com/office/2016/11/relationships/changesInfo" Target="changesInfos/changesInfo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font" Target="fonts/font17.fntdata"/><Relationship Id="rId38" Type="http://schemas.openxmlformats.org/officeDocument/2006/relationships/font" Target="fonts/font22.fntdata"/><Relationship Id="rId20" Type="http://schemas.openxmlformats.org/officeDocument/2006/relationships/font" Target="fonts/font4.fntdata"/><Relationship Id="rId41" Type="http://schemas.openxmlformats.org/officeDocument/2006/relationships/font" Target="fonts/font25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yanand Bisanal" userId="5a19e43e9dc15aee" providerId="LiveId" clId="{CFC69E4C-23B4-4C8A-B075-6794CB8C40FF}"/>
    <pc:docChg chg="undo custSel addSld delSld modSld">
      <pc:chgData name="Dayanand Bisanal" userId="5a19e43e9dc15aee" providerId="LiveId" clId="{CFC69E4C-23B4-4C8A-B075-6794CB8C40FF}" dt="2025-11-20T10:46:22.869" v="202" actId="20577"/>
      <pc:docMkLst>
        <pc:docMk/>
      </pc:docMkLst>
      <pc:sldChg chg="modSp mod">
        <pc:chgData name="Dayanand Bisanal" userId="5a19e43e9dc15aee" providerId="LiveId" clId="{CFC69E4C-23B4-4C8A-B075-6794CB8C40FF}" dt="2025-11-20T10:46:22.869" v="202" actId="20577"/>
        <pc:sldMkLst>
          <pc:docMk/>
          <pc:sldMk cId="3316315554" sldId="292"/>
        </pc:sldMkLst>
        <pc:spChg chg="mod">
          <ac:chgData name="Dayanand Bisanal" userId="5a19e43e9dc15aee" providerId="LiveId" clId="{CFC69E4C-23B4-4C8A-B075-6794CB8C40FF}" dt="2025-11-20T10:46:22.869" v="202" actId="20577"/>
          <ac:spMkLst>
            <pc:docMk/>
            <pc:sldMk cId="3316315554" sldId="292"/>
            <ac:spMk id="47" creationId="{91B16A8C-E038-5237-02AB-EBE8E2B8E9EB}"/>
          </ac:spMkLst>
        </pc:spChg>
        <pc:spChg chg="mod">
          <ac:chgData name="Dayanand Bisanal" userId="5a19e43e9dc15aee" providerId="LiveId" clId="{CFC69E4C-23B4-4C8A-B075-6794CB8C40FF}" dt="2025-11-20T10:46:05.134" v="198" actId="20577"/>
          <ac:spMkLst>
            <pc:docMk/>
            <pc:sldMk cId="3316315554" sldId="292"/>
            <ac:spMk id="52" creationId="{8FD7A51B-B251-DEA9-79E3-78AE084B801B}"/>
          </ac:spMkLst>
        </pc:spChg>
      </pc:sldChg>
      <pc:sldChg chg="modSp mod">
        <pc:chgData name="Dayanand Bisanal" userId="5a19e43e9dc15aee" providerId="LiveId" clId="{CFC69E4C-23B4-4C8A-B075-6794CB8C40FF}" dt="2025-11-20T10:23:52.751" v="53" actId="20577"/>
        <pc:sldMkLst>
          <pc:docMk/>
          <pc:sldMk cId="1869460620" sldId="298"/>
        </pc:sldMkLst>
        <pc:spChg chg="mod">
          <ac:chgData name="Dayanand Bisanal" userId="5a19e43e9dc15aee" providerId="LiveId" clId="{CFC69E4C-23B4-4C8A-B075-6794CB8C40FF}" dt="2025-11-20T10:23:52.751" v="53" actId="20577"/>
          <ac:spMkLst>
            <pc:docMk/>
            <pc:sldMk cId="1869460620" sldId="298"/>
            <ac:spMk id="4" creationId="{DB20A693-DAF6-90F8-E452-0AF12BA5AC45}"/>
          </ac:spMkLst>
        </pc:spChg>
      </pc:sldChg>
      <pc:sldChg chg="delSp modSp mod">
        <pc:chgData name="Dayanand Bisanal" userId="5a19e43e9dc15aee" providerId="LiveId" clId="{CFC69E4C-23B4-4C8A-B075-6794CB8C40FF}" dt="2025-11-20T10:42:18.735" v="176" actId="1076"/>
        <pc:sldMkLst>
          <pc:docMk/>
          <pc:sldMk cId="1229190984" sldId="302"/>
        </pc:sldMkLst>
        <pc:spChg chg="mod ord topLvl">
          <ac:chgData name="Dayanand Bisanal" userId="5a19e43e9dc15aee" providerId="LiveId" clId="{CFC69E4C-23B4-4C8A-B075-6794CB8C40FF}" dt="2025-11-20T10:40:42.060" v="166" actId="167"/>
          <ac:spMkLst>
            <pc:docMk/>
            <pc:sldMk cId="1229190984" sldId="302"/>
            <ac:spMk id="21" creationId="{55DC58D7-E285-84C0-8E4C-A2ECB797B6CE}"/>
          </ac:spMkLst>
        </pc:spChg>
        <pc:spChg chg="mod topLvl">
          <ac:chgData name="Dayanand Bisanal" userId="5a19e43e9dc15aee" providerId="LiveId" clId="{CFC69E4C-23B4-4C8A-B075-6794CB8C40FF}" dt="2025-11-20T10:39:31.596" v="158" actId="165"/>
          <ac:spMkLst>
            <pc:docMk/>
            <pc:sldMk cId="1229190984" sldId="302"/>
            <ac:spMk id="24" creationId="{DD25806E-EB28-47F1-90EC-4AFF609E2000}"/>
          </ac:spMkLst>
        </pc:spChg>
        <pc:spChg chg="mod topLvl">
          <ac:chgData name="Dayanand Bisanal" userId="5a19e43e9dc15aee" providerId="LiveId" clId="{CFC69E4C-23B4-4C8A-B075-6794CB8C40FF}" dt="2025-11-20T10:39:31.596" v="158" actId="165"/>
          <ac:spMkLst>
            <pc:docMk/>
            <pc:sldMk cId="1229190984" sldId="302"/>
            <ac:spMk id="25" creationId="{EC18FCB9-DF16-EC13-E07A-34BAEC5D3D62}"/>
          </ac:spMkLst>
        </pc:spChg>
        <pc:spChg chg="mod topLvl">
          <ac:chgData name="Dayanand Bisanal" userId="5a19e43e9dc15aee" providerId="LiveId" clId="{CFC69E4C-23B4-4C8A-B075-6794CB8C40FF}" dt="2025-11-20T10:39:31.596" v="158" actId="165"/>
          <ac:spMkLst>
            <pc:docMk/>
            <pc:sldMk cId="1229190984" sldId="302"/>
            <ac:spMk id="26" creationId="{D5C97423-CDE0-A4AC-1554-7E9386820DBB}"/>
          </ac:spMkLst>
        </pc:spChg>
        <pc:spChg chg="mod topLvl">
          <ac:chgData name="Dayanand Bisanal" userId="5a19e43e9dc15aee" providerId="LiveId" clId="{CFC69E4C-23B4-4C8A-B075-6794CB8C40FF}" dt="2025-11-20T10:39:31.596" v="158" actId="165"/>
          <ac:spMkLst>
            <pc:docMk/>
            <pc:sldMk cId="1229190984" sldId="302"/>
            <ac:spMk id="27" creationId="{4015516B-7070-9593-2674-3504DF004DDC}"/>
          </ac:spMkLst>
        </pc:spChg>
        <pc:spChg chg="mod">
          <ac:chgData name="Dayanand Bisanal" userId="5a19e43e9dc15aee" providerId="LiveId" clId="{CFC69E4C-23B4-4C8A-B075-6794CB8C40FF}" dt="2025-11-20T10:42:18.735" v="176" actId="1076"/>
          <ac:spMkLst>
            <pc:docMk/>
            <pc:sldMk cId="1229190984" sldId="302"/>
            <ac:spMk id="30" creationId="{1CF726AB-3971-6B98-BEBC-E206B6D37BA6}"/>
          </ac:spMkLst>
        </pc:spChg>
        <pc:grpChg chg="del">
          <ac:chgData name="Dayanand Bisanal" userId="5a19e43e9dc15aee" providerId="LiveId" clId="{CFC69E4C-23B4-4C8A-B075-6794CB8C40FF}" dt="2025-11-20T10:39:31.596" v="158" actId="165"/>
          <ac:grpSpMkLst>
            <pc:docMk/>
            <pc:sldMk cId="1229190984" sldId="302"/>
            <ac:grpSpMk id="20" creationId="{C290F39D-03A8-25B4-F177-6E16194E840C}"/>
          </ac:grpSpMkLst>
        </pc:grpChg>
        <pc:picChg chg="mod topLvl">
          <ac:chgData name="Dayanand Bisanal" userId="5a19e43e9dc15aee" providerId="LiveId" clId="{CFC69E4C-23B4-4C8A-B075-6794CB8C40FF}" dt="2025-11-20T10:39:31.596" v="158" actId="165"/>
          <ac:picMkLst>
            <pc:docMk/>
            <pc:sldMk cId="1229190984" sldId="302"/>
            <ac:picMk id="22" creationId="{F976C6A8-2F62-31D4-A0E0-AAEC55921E53}"/>
          </ac:picMkLst>
        </pc:picChg>
        <pc:picChg chg="mod topLvl">
          <ac:chgData name="Dayanand Bisanal" userId="5a19e43e9dc15aee" providerId="LiveId" clId="{CFC69E4C-23B4-4C8A-B075-6794CB8C40FF}" dt="2025-11-20T10:39:31.596" v="158" actId="165"/>
          <ac:picMkLst>
            <pc:docMk/>
            <pc:sldMk cId="1229190984" sldId="302"/>
            <ac:picMk id="23" creationId="{B85ADB05-8095-D176-0DA6-7911187B626C}"/>
          </ac:picMkLst>
        </pc:picChg>
      </pc:sldChg>
      <pc:sldChg chg="addSp delSp modSp mod">
        <pc:chgData name="Dayanand Bisanal" userId="5a19e43e9dc15aee" providerId="LiveId" clId="{CFC69E4C-23B4-4C8A-B075-6794CB8C40FF}" dt="2025-11-20T10:42:27.301" v="177" actId="1076"/>
        <pc:sldMkLst>
          <pc:docMk/>
          <pc:sldMk cId="2761468039" sldId="303"/>
        </pc:sldMkLst>
        <pc:spChg chg="mod">
          <ac:chgData name="Dayanand Bisanal" userId="5a19e43e9dc15aee" providerId="LiveId" clId="{CFC69E4C-23B4-4C8A-B075-6794CB8C40FF}" dt="2025-11-20T10:41:16.181" v="170" actId="1076"/>
          <ac:spMkLst>
            <pc:docMk/>
            <pc:sldMk cId="2761468039" sldId="303"/>
            <ac:spMk id="4" creationId="{C625E54E-A86D-9B94-B470-0435C69F95E5}"/>
          </ac:spMkLst>
        </pc:spChg>
        <pc:spChg chg="mod">
          <ac:chgData name="Dayanand Bisanal" userId="5a19e43e9dc15aee" providerId="LiveId" clId="{CFC69E4C-23B4-4C8A-B075-6794CB8C40FF}" dt="2025-11-20T10:41:40.013" v="172" actId="1076"/>
          <ac:spMkLst>
            <pc:docMk/>
            <pc:sldMk cId="2761468039" sldId="303"/>
            <ac:spMk id="5" creationId="{67B823CE-7BA9-D714-A424-29AA44BD6144}"/>
          </ac:spMkLst>
        </pc:spChg>
        <pc:spChg chg="add mod">
          <ac:chgData name="Dayanand Bisanal" userId="5a19e43e9dc15aee" providerId="LiveId" clId="{CFC69E4C-23B4-4C8A-B075-6794CB8C40FF}" dt="2025-11-20T10:37:24.188" v="135" actId="1076"/>
          <ac:spMkLst>
            <pc:docMk/>
            <pc:sldMk cId="2761468039" sldId="303"/>
            <ac:spMk id="15" creationId="{26C4862B-1CBF-1E00-F0E2-788CAC3199EA}"/>
          </ac:spMkLst>
        </pc:spChg>
        <pc:spChg chg="add mod">
          <ac:chgData name="Dayanand Bisanal" userId="5a19e43e9dc15aee" providerId="LiveId" clId="{CFC69E4C-23B4-4C8A-B075-6794CB8C40FF}" dt="2025-11-20T10:36:20.791" v="127"/>
          <ac:spMkLst>
            <pc:docMk/>
            <pc:sldMk cId="2761468039" sldId="303"/>
            <ac:spMk id="16" creationId="{2E479F59-CB61-6215-8500-C98040064B78}"/>
          </ac:spMkLst>
        </pc:spChg>
        <pc:spChg chg="add mod">
          <ac:chgData name="Dayanand Bisanal" userId="5a19e43e9dc15aee" providerId="LiveId" clId="{CFC69E4C-23B4-4C8A-B075-6794CB8C40FF}" dt="2025-11-20T10:42:27.301" v="177" actId="1076"/>
          <ac:spMkLst>
            <pc:docMk/>
            <pc:sldMk cId="2761468039" sldId="303"/>
            <ac:spMk id="17" creationId="{8AC0E7EC-A8DE-03DD-EA57-D5A441330661}"/>
          </ac:spMkLst>
        </pc:spChg>
        <pc:spChg chg="add mod">
          <ac:chgData name="Dayanand Bisanal" userId="5a19e43e9dc15aee" providerId="LiveId" clId="{CFC69E4C-23B4-4C8A-B075-6794CB8C40FF}" dt="2025-11-20T10:38:42.005" v="148" actId="20577"/>
          <ac:spMkLst>
            <pc:docMk/>
            <pc:sldMk cId="2761468039" sldId="303"/>
            <ac:spMk id="18" creationId="{05C77E65-F190-CCEB-F418-4854A1C97F80}"/>
          </ac:spMkLst>
        </pc:spChg>
        <pc:spChg chg="add mod">
          <ac:chgData name="Dayanand Bisanal" userId="5a19e43e9dc15aee" providerId="LiveId" clId="{CFC69E4C-23B4-4C8A-B075-6794CB8C40FF}" dt="2025-11-20T10:38:52.886" v="156" actId="20577"/>
          <ac:spMkLst>
            <pc:docMk/>
            <pc:sldMk cId="2761468039" sldId="303"/>
            <ac:spMk id="19" creationId="{B606085B-7D70-2766-BAE8-50909C930B4B}"/>
          </ac:spMkLst>
        </pc:spChg>
        <pc:spChg chg="add mod">
          <ac:chgData name="Dayanand Bisanal" userId="5a19e43e9dc15aee" providerId="LiveId" clId="{CFC69E4C-23B4-4C8A-B075-6794CB8C40FF}" dt="2025-11-20T10:40:27.652" v="165"/>
          <ac:spMkLst>
            <pc:docMk/>
            <pc:sldMk cId="2761468039" sldId="303"/>
            <ac:spMk id="20" creationId="{919ABF1F-8B77-9823-B034-428435CD357B}"/>
          </ac:spMkLst>
        </pc:spChg>
        <pc:spChg chg="add mod ord">
          <ac:chgData name="Dayanand Bisanal" userId="5a19e43e9dc15aee" providerId="LiveId" clId="{CFC69E4C-23B4-4C8A-B075-6794CB8C40FF}" dt="2025-11-20T10:41:52.240" v="173" actId="1076"/>
          <ac:spMkLst>
            <pc:docMk/>
            <pc:sldMk cId="2761468039" sldId="303"/>
            <ac:spMk id="21" creationId="{1F0C244F-3762-AB89-3075-625AD1134901}"/>
          </ac:spMkLst>
        </pc:spChg>
        <pc:spChg chg="add mod">
          <ac:chgData name="Dayanand Bisanal" userId="5a19e43e9dc15aee" providerId="LiveId" clId="{CFC69E4C-23B4-4C8A-B075-6794CB8C40FF}" dt="2025-11-20T10:42:12.592" v="175" actId="1076"/>
          <ac:spMkLst>
            <pc:docMk/>
            <pc:sldMk cId="2761468039" sldId="303"/>
            <ac:spMk id="22" creationId="{026F305E-E339-434B-16A6-23B60F849CFD}"/>
          </ac:spMkLst>
        </pc:spChg>
        <pc:picChg chg="add mod">
          <ac:chgData name="Dayanand Bisanal" userId="5a19e43e9dc15aee" providerId="LiveId" clId="{CFC69E4C-23B4-4C8A-B075-6794CB8C40FF}" dt="2025-11-20T10:33:20.383" v="120" actId="1076"/>
          <ac:picMkLst>
            <pc:docMk/>
            <pc:sldMk cId="2761468039" sldId="303"/>
            <ac:picMk id="6" creationId="{CC15C783-3FC3-652F-5E36-A009CA3AC5B0}"/>
          </ac:picMkLst>
        </pc:picChg>
        <pc:picChg chg="add mod">
          <ac:chgData name="Dayanand Bisanal" userId="5a19e43e9dc15aee" providerId="LiveId" clId="{CFC69E4C-23B4-4C8A-B075-6794CB8C40FF}" dt="2025-11-20T10:33:24.151" v="121" actId="1076"/>
          <ac:picMkLst>
            <pc:docMk/>
            <pc:sldMk cId="2761468039" sldId="303"/>
            <ac:picMk id="8" creationId="{2AE6E6F3-27CD-ED13-13E6-5D920D6BBEB3}"/>
          </ac:picMkLst>
        </pc:picChg>
        <pc:picChg chg="add del mod">
          <ac:chgData name="Dayanand Bisanal" userId="5a19e43e9dc15aee" providerId="LiveId" clId="{CFC69E4C-23B4-4C8A-B075-6794CB8C40FF}" dt="2025-11-20T10:32:59.901" v="113" actId="478"/>
          <ac:picMkLst>
            <pc:docMk/>
            <pc:sldMk cId="2761468039" sldId="303"/>
            <ac:picMk id="10" creationId="{9B61B259-1B07-F306-4800-F7FD978D47AD}"/>
          </ac:picMkLst>
        </pc:picChg>
        <pc:picChg chg="add del mod">
          <ac:chgData name="Dayanand Bisanal" userId="5a19e43e9dc15aee" providerId="LiveId" clId="{CFC69E4C-23B4-4C8A-B075-6794CB8C40FF}" dt="2025-11-20T10:32:43.431" v="112" actId="478"/>
          <ac:picMkLst>
            <pc:docMk/>
            <pc:sldMk cId="2761468039" sldId="303"/>
            <ac:picMk id="12" creationId="{F4689E14-F050-48C6-8876-AA9F6719FA8A}"/>
          </ac:picMkLst>
        </pc:picChg>
        <pc:picChg chg="add mod">
          <ac:chgData name="Dayanand Bisanal" userId="5a19e43e9dc15aee" providerId="LiveId" clId="{CFC69E4C-23B4-4C8A-B075-6794CB8C40FF}" dt="2025-11-20T10:36:11.304" v="125" actId="1076"/>
          <ac:picMkLst>
            <pc:docMk/>
            <pc:sldMk cId="2761468039" sldId="303"/>
            <ac:picMk id="14" creationId="{BA8662AE-1A5D-4B8C-3BC2-25DA62321248}"/>
          </ac:picMkLst>
        </pc:picChg>
      </pc:sldChg>
      <pc:sldChg chg="del">
        <pc:chgData name="Dayanand Bisanal" userId="5a19e43e9dc15aee" providerId="LiveId" clId="{CFC69E4C-23B4-4C8A-B075-6794CB8C40FF}" dt="2025-11-20T10:00:14.648" v="3" actId="47"/>
        <pc:sldMkLst>
          <pc:docMk/>
          <pc:sldMk cId="3238600573" sldId="305"/>
        </pc:sldMkLst>
      </pc:sldChg>
      <pc:sldChg chg="addSp delSp modSp new mod">
        <pc:chgData name="Dayanand Bisanal" userId="5a19e43e9dc15aee" providerId="LiveId" clId="{CFC69E4C-23B4-4C8A-B075-6794CB8C40FF}" dt="2025-11-20T10:31:01.888" v="100" actId="1076"/>
        <pc:sldMkLst>
          <pc:docMk/>
          <pc:sldMk cId="3529966380" sldId="535"/>
        </pc:sldMkLst>
        <pc:spChg chg="del">
          <ac:chgData name="Dayanand Bisanal" userId="5a19e43e9dc15aee" providerId="LiveId" clId="{CFC69E4C-23B4-4C8A-B075-6794CB8C40FF}" dt="2025-11-20T10:01:11.079" v="7" actId="21"/>
          <ac:spMkLst>
            <pc:docMk/>
            <pc:sldMk cId="3529966380" sldId="535"/>
            <ac:spMk id="2" creationId="{06D4911B-2BD3-C5FD-9FCB-8E0AAA6B8153}"/>
          </ac:spMkLst>
        </pc:spChg>
        <pc:spChg chg="add mod">
          <ac:chgData name="Dayanand Bisanal" userId="5a19e43e9dc15aee" providerId="LiveId" clId="{CFC69E4C-23B4-4C8A-B075-6794CB8C40FF}" dt="2025-11-20T10:23:41.401" v="43" actId="20577"/>
          <ac:spMkLst>
            <pc:docMk/>
            <pc:sldMk cId="3529966380" sldId="535"/>
            <ac:spMk id="4" creationId="{4D6BB6A0-08DF-7DCC-19FA-F662C7A49877}"/>
          </ac:spMkLst>
        </pc:spChg>
        <pc:spChg chg="add mod">
          <ac:chgData name="Dayanand Bisanal" userId="5a19e43e9dc15aee" providerId="LiveId" clId="{CFC69E4C-23B4-4C8A-B075-6794CB8C40FF}" dt="2025-11-20T10:29:48.196" v="94" actId="1076"/>
          <ac:spMkLst>
            <pc:docMk/>
            <pc:sldMk cId="3529966380" sldId="535"/>
            <ac:spMk id="6" creationId="{4F5C5E96-9885-A328-936D-E95D598A07C2}"/>
          </ac:spMkLst>
        </pc:spChg>
        <pc:spChg chg="add del mod">
          <ac:chgData name="Dayanand Bisanal" userId="5a19e43e9dc15aee" providerId="LiveId" clId="{CFC69E4C-23B4-4C8A-B075-6794CB8C40FF}" dt="2025-11-20T10:01:39.711" v="11" actId="478"/>
          <ac:spMkLst>
            <pc:docMk/>
            <pc:sldMk cId="3529966380" sldId="535"/>
            <ac:spMk id="7" creationId="{DA4ABAB6-44DC-EC8F-D0DF-B829CF0D6FDA}"/>
          </ac:spMkLst>
        </pc:spChg>
        <pc:spChg chg="add mod">
          <ac:chgData name="Dayanand Bisanal" userId="5a19e43e9dc15aee" providerId="LiveId" clId="{CFC69E4C-23B4-4C8A-B075-6794CB8C40FF}" dt="2025-11-20T10:29:33.800" v="92" actId="1076"/>
          <ac:spMkLst>
            <pc:docMk/>
            <pc:sldMk cId="3529966380" sldId="535"/>
            <ac:spMk id="8" creationId="{DE2CF47E-0113-72CD-7E8B-60192240D3B2}"/>
          </ac:spMkLst>
        </pc:spChg>
        <pc:spChg chg="add del">
          <ac:chgData name="Dayanand Bisanal" userId="5a19e43e9dc15aee" providerId="LiveId" clId="{CFC69E4C-23B4-4C8A-B075-6794CB8C40FF}" dt="2025-11-20T10:26:42.044" v="64" actId="478"/>
          <ac:spMkLst>
            <pc:docMk/>
            <pc:sldMk cId="3529966380" sldId="535"/>
            <ac:spMk id="13" creationId="{3240760B-B11D-195D-2B72-B34D9FEFFCFF}"/>
          </ac:spMkLst>
        </pc:spChg>
        <pc:picChg chg="add mod">
          <ac:chgData name="Dayanand Bisanal" userId="5a19e43e9dc15aee" providerId="LiveId" clId="{CFC69E4C-23B4-4C8A-B075-6794CB8C40FF}" dt="2025-11-20T10:28:57.797" v="86" actId="1076"/>
          <ac:picMkLst>
            <pc:docMk/>
            <pc:sldMk cId="3529966380" sldId="535"/>
            <ac:picMk id="10" creationId="{3A085EF7-6552-4D17-A2A8-35EC13C29FB1}"/>
          </ac:picMkLst>
        </pc:picChg>
        <pc:picChg chg="add del mod modCrop">
          <ac:chgData name="Dayanand Bisanal" userId="5a19e43e9dc15aee" providerId="LiveId" clId="{CFC69E4C-23B4-4C8A-B075-6794CB8C40FF}" dt="2025-11-20T10:29:40.254" v="93" actId="1076"/>
          <ac:picMkLst>
            <pc:docMk/>
            <pc:sldMk cId="3529966380" sldId="535"/>
            <ac:picMk id="12" creationId="{F5DA075B-C640-04C5-F354-E8AE1497382F}"/>
          </ac:picMkLst>
        </pc:picChg>
        <pc:picChg chg="add mod">
          <ac:chgData name="Dayanand Bisanal" userId="5a19e43e9dc15aee" providerId="LiveId" clId="{CFC69E4C-23B4-4C8A-B075-6794CB8C40FF}" dt="2025-11-20T10:31:01.888" v="100" actId="1076"/>
          <ac:picMkLst>
            <pc:docMk/>
            <pc:sldMk cId="3529966380" sldId="535"/>
            <ac:picMk id="14" creationId="{9BEEC7DD-84C5-C17B-2A8C-E90791DF2313}"/>
          </ac:picMkLst>
        </pc:picChg>
        <pc:cxnChg chg="add del mod">
          <ac:chgData name="Dayanand Bisanal" userId="5a19e43e9dc15aee" providerId="LiveId" clId="{CFC69E4C-23B4-4C8A-B075-6794CB8C40FF}" dt="2025-11-20T10:21:58.142" v="14" actId="478"/>
          <ac:cxnSpMkLst>
            <pc:docMk/>
            <pc:sldMk cId="3529966380" sldId="535"/>
            <ac:cxnSpMk id="5" creationId="{5810A490-8B0C-D8E1-C834-CE5F37FDCF27}"/>
          </ac:cxnSpMkLst>
        </pc:cxnChg>
        <pc:cxnChg chg="add mod">
          <ac:chgData name="Dayanand Bisanal" userId="5a19e43e9dc15aee" providerId="LiveId" clId="{CFC69E4C-23B4-4C8A-B075-6794CB8C40FF}" dt="2025-11-20T10:30:24.320" v="99" actId="1076"/>
          <ac:cxnSpMkLst>
            <pc:docMk/>
            <pc:sldMk cId="3529966380" sldId="535"/>
            <ac:cxnSpMk id="16" creationId="{9E1C87EC-E60B-CD3F-225B-B1C0B4FA697C}"/>
          </ac:cxnSpMkLst>
        </pc:cxnChg>
      </pc:sldChg>
      <pc:sldChg chg="add del">
        <pc:chgData name="Dayanand Bisanal" userId="5a19e43e9dc15aee" providerId="LiveId" clId="{CFC69E4C-23B4-4C8A-B075-6794CB8C40FF}" dt="2025-11-20T10:40:00.026" v="160"/>
        <pc:sldMkLst>
          <pc:docMk/>
          <pc:sldMk cId="914540107" sldId="536"/>
        </pc:sldMkLst>
      </pc:sldChg>
      <pc:sldChg chg="add del">
        <pc:chgData name="Dayanand Bisanal" userId="5a19e43e9dc15aee" providerId="LiveId" clId="{CFC69E4C-23B4-4C8A-B075-6794CB8C40FF}" dt="2025-11-20T10:40:09.872" v="162"/>
        <pc:sldMkLst>
          <pc:docMk/>
          <pc:sldMk cId="1143897746" sldId="536"/>
        </pc:sldMkLst>
      </pc:sldChg>
      <pc:sldChg chg="add del">
        <pc:chgData name="Dayanand Bisanal" userId="5a19e43e9dc15aee" providerId="LiveId" clId="{CFC69E4C-23B4-4C8A-B075-6794CB8C40FF}" dt="2025-11-20T10:40:15.034" v="164"/>
        <pc:sldMkLst>
          <pc:docMk/>
          <pc:sldMk cId="1435708260" sldId="536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20-11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9E058B08-58E6-9F0F-DF87-5DED49A0DB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53096C82-8867-D00C-A568-BCD7CB58DAAC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BAA3ED4A-F4DD-BC77-8BF5-0B54F9756B52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37406798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  <p:extLst>
      <p:ext uri="{BB962C8B-B14F-4D97-AF65-F5344CB8AC3E}">
        <p14:creationId xmlns:p14="http://schemas.microsoft.com/office/powerpoint/2010/main" val="17494006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84A7033-065B-FE91-43EB-9F5B084B5D8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ED4F316-AC10-3090-669D-7A390E1F0F5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E820C32-9077-96EC-956F-F18ED5134FD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51A8BE-6B98-B0B1-7ED0-EA6A562146CB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6</a:t>
            </a:fld>
            <a:endParaRPr lang="en-US"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  <p:extLst>
      <p:ext uri="{BB962C8B-B14F-4D97-AF65-F5344CB8AC3E}">
        <p14:creationId xmlns:p14="http://schemas.microsoft.com/office/powerpoint/2010/main" val="62064728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7</a:t>
            </a:fld>
            <a:endParaRPr lang="en-US"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  <p:extLst>
      <p:ext uri="{BB962C8B-B14F-4D97-AF65-F5344CB8AC3E}">
        <p14:creationId xmlns:p14="http://schemas.microsoft.com/office/powerpoint/2010/main" val="22723650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1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5.jp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50" Type="http://schemas.openxmlformats.org/officeDocument/2006/relationships/tags" Target="../tags/tag51.xml"/><Relationship Id="rId55" Type="http://schemas.openxmlformats.org/officeDocument/2006/relationships/slideLayout" Target="../slideLayouts/slideLayout9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9" Type="http://schemas.openxmlformats.org/officeDocument/2006/relationships/tags" Target="../tags/tag30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3" Type="http://schemas.openxmlformats.org/officeDocument/2006/relationships/tags" Target="../tags/tag54.xml"/><Relationship Id="rId5" Type="http://schemas.openxmlformats.org/officeDocument/2006/relationships/tags" Target="../tags/tag6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tags" Target="../tags/tag53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56" Type="http://schemas.openxmlformats.org/officeDocument/2006/relationships/notesSlide" Target="../notesSlides/notesSlide2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tags" Target="../tags/tag55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35228" y="6480384"/>
            <a:ext cx="731837" cy="523875"/>
          </a:xfrm>
          <a:prstGeom prst="rect">
            <a:avLst/>
          </a:prstGeo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</a:t>
            </a:fld>
            <a:endParaRPr lang="en-US"/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2">
            <a:alphaModFix amt="20000"/>
          </a:blip>
          <a:srcRect l="1514" r="2310" b="19493"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3045028" y="3178698"/>
            <a:ext cx="6185903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3046828" y="3856219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3" y="4504626"/>
            <a:ext cx="4341993" cy="116951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Dayanand Bisanal (BU22EECE0100435)</a:t>
            </a:r>
          </a:p>
          <a:p>
            <a:pPr marL="285750" indent="-285750"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Tejas D (BU22EECE0100426)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  <a:p>
            <a:pPr marL="285750" indent="-285750"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Chetan Kumar </a:t>
            </a:r>
            <a:r>
              <a:rPr lang="en-US" sz="1400" b="1" i="0" u="none" strike="noStrike" cap="none" dirty="0" err="1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wadi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 (BU22EECE0100436)</a:t>
            </a:r>
            <a:endParaRPr lang="en-US" b="1" dirty="0">
              <a:solidFill>
                <a:schemeClr val="dk1"/>
              </a:solidFill>
              <a:latin typeface="Montserrat Medium"/>
              <a:sym typeface="Montserrat Medium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5040405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Dr. Subhashish Tiwari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Dr. Jaya Prakash Sahoo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2376052" y="213445"/>
            <a:ext cx="7285379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All-Optical Logic Gates using Semiconductor Optical Amplifiers(SOA)</a:t>
            </a:r>
            <a:endParaRPr lang="en-US" sz="2800" dirty="0"/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10003642" y="281271"/>
            <a:ext cx="224536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Review-I</a:t>
            </a:r>
            <a:endParaRPr lang="en-US" sz="2000" i="1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3" y="2965411"/>
            <a:ext cx="2432050" cy="890807"/>
          </a:xfrm>
          <a:prstGeom prst="roundRect">
            <a:avLst>
              <a:gd name="adj" fmla="val 16667"/>
            </a:avLst>
          </a:prstGeom>
          <a:solidFill>
            <a:srgbClr val="FFC000"/>
          </a:solidFill>
          <a:ln w="25400" cap="flat" cmpd="sng">
            <a:solidFill>
              <a:schemeClr val="accent2">
                <a:lumMod val="50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5-26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287933" y="2965412"/>
            <a:ext cx="2770314" cy="890807"/>
          </a:xfrm>
          <a:prstGeom prst="roundRect">
            <a:avLst>
              <a:gd name="adj" fmla="val 16667"/>
            </a:avLst>
          </a:prstGeom>
          <a:solidFill>
            <a:schemeClr val="accent1">
              <a:lumMod val="75000"/>
            </a:schemeClr>
          </a:solidFill>
          <a:ln w="25400" cap="flat" cmpd="sng">
            <a:solidFill>
              <a:schemeClr val="accent2">
                <a:lumMod val="50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lvl="0" algn="ctr">
              <a:buSzPts val="3600"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apstone Project –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Introduction (PROJ2999)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oogle Shape;125;p3">
            <a:extLst>
              <a:ext uri="{FF2B5EF4-FFF2-40B4-BE49-F238E27FC236}">
                <a16:creationId xmlns:a16="http://schemas.microsoft.com/office/drawing/2014/main" id="{55DC58D7-E285-84C0-8E4C-A2ECB797B6CE}"/>
              </a:ext>
            </a:extLst>
          </p:cNvPr>
          <p:cNvSpPr txBox="1"/>
          <p:nvPr/>
        </p:nvSpPr>
        <p:spPr>
          <a:xfrm>
            <a:off x="456125" y="7261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0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32619" y="889964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Sample input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F976C6A8-2F62-31D4-A0E0-AAEC55921E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8958" y="1579693"/>
            <a:ext cx="3358944" cy="4598279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B85ADB05-8095-D176-0DA6-7911187B626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92535" y="2420730"/>
            <a:ext cx="3180769" cy="2713009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DD25806E-EB28-47F1-90EC-4AFF609E2000}"/>
              </a:ext>
            </a:extLst>
          </p:cNvPr>
          <p:cNvSpPr txBox="1"/>
          <p:nvPr/>
        </p:nvSpPr>
        <p:spPr>
          <a:xfrm>
            <a:off x="1819275" y="1530384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1010001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C18FCB9-DF16-EC13-E07A-34BAEC5D3D62}"/>
              </a:ext>
            </a:extLst>
          </p:cNvPr>
          <p:cNvSpPr txBox="1"/>
          <p:nvPr/>
        </p:nvSpPr>
        <p:spPr>
          <a:xfrm>
            <a:off x="1819275" y="3763577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10011011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D5C97423-CDE0-A4AC-1554-7E9386820DBB}"/>
              </a:ext>
            </a:extLst>
          </p:cNvPr>
          <p:cNvSpPr txBox="1"/>
          <p:nvPr/>
        </p:nvSpPr>
        <p:spPr>
          <a:xfrm>
            <a:off x="5925974" y="1992972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0011100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015516B-7070-9593-2674-3504DF004DDC}"/>
              </a:ext>
            </a:extLst>
          </p:cNvPr>
          <p:cNvSpPr txBox="1"/>
          <p:nvPr/>
        </p:nvSpPr>
        <p:spPr>
          <a:xfrm>
            <a:off x="8039100" y="1838161"/>
            <a:ext cx="3767292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Design Description:</a:t>
            </a:r>
          </a:p>
          <a:p>
            <a:endParaRPr lang="en-US" dirty="0"/>
          </a:p>
          <a:p>
            <a:r>
              <a:rPr lang="en-US" dirty="0"/>
              <a:t>"We designed a 2 Gbps all-optical XOR gate in </a:t>
            </a:r>
            <a:r>
              <a:rPr lang="en-US" dirty="0" err="1"/>
              <a:t>OptiSystem</a:t>
            </a:r>
            <a:r>
              <a:rPr lang="en-US" dirty="0"/>
              <a:t> using a Mach-Zehnder Interferometer (MZI) with SOAs in each arm."</a:t>
            </a:r>
          </a:p>
          <a:p>
            <a:r>
              <a:rPr lang="en-US" dirty="0"/>
              <a:t>"The gate's operation relies on the </a:t>
            </a:r>
            <a:r>
              <a:rPr lang="en-US" b="1" dirty="0"/>
              <a:t>Cross-Phase Modulation (XPM)</a:t>
            </a:r>
            <a:r>
              <a:rPr lang="en-US" dirty="0"/>
              <a:t> non-linear effect, which induces a phase shift on the probe signal depending on the presence of the data signals.“</a:t>
            </a:r>
          </a:p>
          <a:p>
            <a:endParaRPr lang="en-US" dirty="0"/>
          </a:p>
          <a:p>
            <a:r>
              <a:rPr lang="en-US" dirty="0"/>
              <a:t>"The interference of the signals at the output coupler results in the XOR logic: high output when the inputs are different and low when they are the same."</a:t>
            </a:r>
          </a:p>
          <a:p>
            <a:endParaRPr lang="en-US" dirty="0"/>
          </a:p>
        </p:txBody>
      </p:sp>
      <p:sp>
        <p:nvSpPr>
          <p:cNvPr id="28" name="Arrow: Right 27">
            <a:extLst>
              <a:ext uri="{FF2B5EF4-FFF2-40B4-BE49-F238E27FC236}">
                <a16:creationId xmlns:a16="http://schemas.microsoft.com/office/drawing/2014/main" id="{BE8F3859-1149-4045-7A21-6BE0B6489D86}"/>
              </a:ext>
            </a:extLst>
          </p:cNvPr>
          <p:cNvSpPr/>
          <p:nvPr/>
        </p:nvSpPr>
        <p:spPr>
          <a:xfrm>
            <a:off x="4006921" y="3522714"/>
            <a:ext cx="558266" cy="54864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1CF726AB-3971-6B98-BEBC-E206B6D37BA6}"/>
              </a:ext>
            </a:extLst>
          </p:cNvPr>
          <p:cNvSpPr txBox="1"/>
          <p:nvPr/>
        </p:nvSpPr>
        <p:spPr>
          <a:xfrm>
            <a:off x="4565187" y="2008463"/>
            <a:ext cx="609600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Sample output:</a:t>
            </a: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oogle Shape;125;p3">
            <a:extLst>
              <a:ext uri="{FF2B5EF4-FFF2-40B4-BE49-F238E27FC236}">
                <a16:creationId xmlns:a16="http://schemas.microsoft.com/office/drawing/2014/main" id="{1F0C244F-3762-AB89-3075-625AD1134901}"/>
              </a:ext>
            </a:extLst>
          </p:cNvPr>
          <p:cNvSpPr txBox="1"/>
          <p:nvPr/>
        </p:nvSpPr>
        <p:spPr>
          <a:xfrm>
            <a:off x="432619" y="654833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Sample input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1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111002" y="73538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32619" y="53898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C15C783-3FC3-652F-5E36-A009CA3AC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2786" y="1214442"/>
            <a:ext cx="2966708" cy="254793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AE6E6F3-27CD-ED13-13E6-5D920D6BBE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2786" y="3907780"/>
            <a:ext cx="2952751" cy="2366963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A8662AE-1A5D-4B8C-3BC2-25DA6232124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91204" y="2240026"/>
            <a:ext cx="3555197" cy="3044707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6C4862B-1CBF-1E00-F0E2-788CAC3199EA}"/>
              </a:ext>
            </a:extLst>
          </p:cNvPr>
          <p:cNvSpPr txBox="1"/>
          <p:nvPr/>
        </p:nvSpPr>
        <p:spPr>
          <a:xfrm>
            <a:off x="8351580" y="2413605"/>
            <a:ext cx="3767292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Design Description:</a:t>
            </a:r>
          </a:p>
          <a:p>
            <a:endParaRPr lang="en-US" dirty="0"/>
          </a:p>
          <a:p>
            <a:r>
              <a:rPr lang="en-US" dirty="0"/>
              <a:t>"we designed an OR gate that operates entirely with light. We used a Mach-Zehnder Interferometer configuration with SOAs in the arms. The key principle here is Cross-Phase Modulation. Essentially, when our data signal hits the SOA, it changes the refractive index, which shifts the phase of our probe light. If either input A or input B is present, this phase shift allows the light to pass through to the output, successfully creating the OR logic”</a:t>
            </a:r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8AC0E7EC-A8DE-03DD-EA57-D5A441330661}"/>
              </a:ext>
            </a:extLst>
          </p:cNvPr>
          <p:cNvSpPr/>
          <p:nvPr/>
        </p:nvSpPr>
        <p:spPr>
          <a:xfrm>
            <a:off x="3886095" y="3522713"/>
            <a:ext cx="558266" cy="548640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05C77E65-F190-CCEB-F418-4854A1C97F80}"/>
              </a:ext>
            </a:extLst>
          </p:cNvPr>
          <p:cNvSpPr txBox="1"/>
          <p:nvPr/>
        </p:nvSpPr>
        <p:spPr>
          <a:xfrm>
            <a:off x="1809750" y="1179309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1111000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B606085B-7D70-2766-BAE8-50909C930B4B}"/>
              </a:ext>
            </a:extLst>
          </p:cNvPr>
          <p:cNvSpPr txBox="1"/>
          <p:nvPr/>
        </p:nvSpPr>
        <p:spPr>
          <a:xfrm>
            <a:off x="1884630" y="3797513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00011110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19ABF1F-8B77-9823-B034-428435CD357B}"/>
              </a:ext>
            </a:extLst>
          </p:cNvPr>
          <p:cNvSpPr txBox="1"/>
          <p:nvPr/>
        </p:nvSpPr>
        <p:spPr>
          <a:xfrm>
            <a:off x="5925974" y="1992972"/>
            <a:ext cx="979755" cy="307777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00111000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026F305E-E339-434B-16A6-23B60F849CFD}"/>
              </a:ext>
            </a:extLst>
          </p:cNvPr>
          <p:cNvSpPr txBox="1"/>
          <p:nvPr/>
        </p:nvSpPr>
        <p:spPr>
          <a:xfrm>
            <a:off x="4498512" y="1908221"/>
            <a:ext cx="609600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Sample output:</a:t>
            </a: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2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32619" y="1382809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The initial design and simulation of an all-optical XOR gate using SOA-MZI architecture has been successfully completed in </a:t>
            </a:r>
            <a:r>
              <a:rPr lang="en-US" altLang="en-US" dirty="0" err="1">
                <a:solidFill>
                  <a:schemeClr val="tx1"/>
                </a:solidFill>
                <a:latin typeface="Arial" panose="020B0604020202020204" pitchFamily="34" charset="0"/>
              </a:rPr>
              <a:t>OptiSystem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This confirms the potential of using SOA's non-linear properties to perform fundamental logic operations in the optical domain.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Our next steps will be to complete the design and simulation of the remaining basic logic gates (AND, OR, NOT) using similar principle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Ultimately, we plan to combine these gates to build and simulate more complex digital circuits like a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full adder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and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full subtractor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, showcasing the building-block nature of this approach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We will also perform a detailed performance analysis of these circuits, evaluating key parameters like Q-factor and Extinction Ratio.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500"/>
              <a:buFont typeface="Arial"/>
              <a:buNone/>
            </a:pPr>
            <a:r>
              <a:rPr lang="en-US" sz="11500" b="1" i="0" u="none" strike="noStrike" cap="none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THANK </a:t>
            </a:r>
            <a:r>
              <a:rPr lang="en-US" sz="11500" b="1" i="0" u="none" strike="noStrike" cap="none">
                <a:solidFill>
                  <a:srgbClr val="A5A5A5"/>
                </a:solidFill>
                <a:latin typeface="Open Sans"/>
                <a:ea typeface="Open Sans"/>
                <a:cs typeface="Open Sans"/>
                <a:sym typeface="Open Sans"/>
              </a:rPr>
              <a:t>YOU</a:t>
            </a:r>
            <a:endParaRPr sz="1400" b="0" i="0" u="none" strike="noStrike" cap="none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2330282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A1111477-E886-23E8-64BD-4CADAD76379A}"/>
              </a:ext>
            </a:extLst>
          </p:cNvPr>
          <p:cNvSpPr txBox="1"/>
          <p:nvPr/>
        </p:nvSpPr>
        <p:spPr>
          <a:xfrm>
            <a:off x="1000124" y="1268361"/>
            <a:ext cx="9943179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o design and simulate a suite of all-optical logic gates using the non-linear properties of Semiconductor Optical Amplifiers (SOAs) in the </a:t>
            </a:r>
            <a:r>
              <a:rPr lang="en-US" dirty="0" err="1"/>
              <a:t>OptiSystem</a:t>
            </a:r>
            <a:r>
              <a:rPr lang="en-US" dirty="0"/>
              <a:t> software. This project aims to demonstrate the feasibility of all-optical digital circuits for high-speed communication system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A9AEFFB-1A20-899A-F8E0-29DEDB267EF4}"/>
              </a:ext>
            </a:extLst>
          </p:cNvPr>
          <p:cNvSpPr txBox="1"/>
          <p:nvPr/>
        </p:nvSpPr>
        <p:spPr>
          <a:xfrm>
            <a:off x="877220" y="2955722"/>
            <a:ext cx="9943179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/>
              <a:t>Phase 1 (Completed):</a:t>
            </a:r>
            <a:r>
              <a:rPr lang="en-US" dirty="0"/>
              <a:t> Design and simulate an all-optical XOR gate at a specified data rate using the SOA-MZI architecture and Cross-Phase Modulation (XPM)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Phase 2 (In Progress)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Design and simulate the remaining fundamental logic gates (AND, OR, NOT) using SOAs and other components like MZI and delay interferometer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Phase 3 (Future)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Implement more complex circuits, such as a full adder and full subtractor, by combining the basic logic gates designed in the previous phases.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nalyze the performance of the designed gates using metrics such as Quality Factor (QF), Extinction Ratio (ER), and Bit Error Rate (BER)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nvestigate the effects of various parameters like injection current, data rate, and Amplified Spontaneous Emission (ASE) on the performance of the logic gate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5D277163-DDF4-8A7D-727E-9DC95265C51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C6ECFB60-4922-9557-3C5E-7FA842E8B16A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3241AC6-CE23-A38B-BD86-17E34844F78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3</a:t>
            </a:fld>
            <a:endParaRPr lang="en-US"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2977A3E-566F-814B-0D9C-37C0E11411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 (Clearly mention milestone for objectives under each reviews)</a:t>
            </a:r>
            <a:endParaRPr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F8AD6B2C-0D04-78D1-DF5B-D8E1D773B883}"/>
              </a:ext>
            </a:extLst>
          </p:cNvPr>
          <p:cNvGrpSpPr/>
          <p:nvPr/>
        </p:nvGrpSpPr>
        <p:grpSpPr>
          <a:xfrm>
            <a:off x="933365" y="1788258"/>
            <a:ext cx="10261770" cy="3207628"/>
            <a:chOff x="933365" y="1788258"/>
            <a:chExt cx="10261770" cy="3207628"/>
          </a:xfrm>
        </p:grpSpPr>
        <p:sp>
          <p:nvSpPr>
            <p:cNvPr id="9" name="OTLSHAPE_TB_00000000000000000000000000000000_ScaleContainer">
              <a:extLst>
                <a:ext uri="{FF2B5EF4-FFF2-40B4-BE49-F238E27FC236}">
                  <a16:creationId xmlns:a16="http://schemas.microsoft.com/office/drawing/2014/main" id="{A03D720C-6D71-CAF3-ED44-5D25A40E6CA1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933365" y="3143250"/>
              <a:ext cx="10261770" cy="381000"/>
            </a:xfrm>
            <a:prstGeom prst="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31F19639-BCED-4A60-ADC4-E9642A236FB7}">
                <a14:hiddenScene3d xmlns:a14="http://schemas.microsoft.com/office/drawing/2010/main">
                  <a:camera prst="orthographicFront"/>
                  <a:lightRig rig="threePt" dir="t">
                    <a:rot lat="0" lon="0" rev="8700000"/>
                  </a:lightRig>
                </a14:hiddenScene3d>
              </a:ext>
              <a:ext uri="{E45631CC-5BF2-4C18-A39C-3461C7D3F71A}">
                <a14:hiddenSp3d xmlns:a14="http://schemas.microsoft.com/office/drawing/2010/main">
                  <a:bevelT w="165100" h="1905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OTLSHAPE_TB_00000000000000000000000000000000_TimescaleInterval1">
              <a:extLst>
                <a:ext uri="{FF2B5EF4-FFF2-40B4-BE49-F238E27FC236}">
                  <a16:creationId xmlns:a16="http://schemas.microsoft.com/office/drawing/2014/main" id="{029506CA-EEA7-E12A-9840-0D21F419B806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996865" y="3256238"/>
              <a:ext cx="228600" cy="15502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kern="1200" spc="-10" dirty="0">
                  <a:solidFill>
                    <a:schemeClr val="lt1"/>
                  </a:solidFill>
                  <a:latin typeface="Calibri" panose="020F0502020204030204" pitchFamily="34" charset="0"/>
                  <a:ea typeface="+mn-ea"/>
                  <a:cs typeface="+mn-cs"/>
                </a:rPr>
                <a:t>Aug</a:t>
              </a:r>
              <a:endPara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1" name="OTLSHAPE_TB_00000000000000000000000000000000_TimescaleInterval2">
              <a:extLst>
                <a:ext uri="{FF2B5EF4-FFF2-40B4-BE49-F238E27FC236}">
                  <a16:creationId xmlns:a16="http://schemas.microsoft.com/office/drawing/2014/main" id="{67FB1627-432D-B72D-5C3B-D5B7D3E93B6B}"/>
                </a:ext>
              </a:extLst>
            </p:cNvPr>
            <p:cNvSpPr txBox="1"/>
            <p:nvPr>
              <p:custDataLst>
                <p:tags r:id="rId3"/>
              </p:custDataLst>
            </p:nvPr>
          </p:nvSpPr>
          <p:spPr>
            <a:xfrm>
              <a:off x="3323719" y="3249510"/>
              <a:ext cx="177800" cy="15502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kern="1200" spc="-8" dirty="0">
                  <a:solidFill>
                    <a:schemeClr val="lt1"/>
                  </a:solidFill>
                  <a:latin typeface="Calibri" panose="020F0502020204030204" pitchFamily="34" charset="0"/>
                  <a:ea typeface="+mn-ea"/>
                  <a:cs typeface="+mn-cs"/>
                </a:rPr>
                <a:t>Sept</a:t>
              </a:r>
              <a:endPara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2" name="OTLSHAPE_TB_00000000000000000000000000000000_TimescaleInterval3">
              <a:extLst>
                <a:ext uri="{FF2B5EF4-FFF2-40B4-BE49-F238E27FC236}">
                  <a16:creationId xmlns:a16="http://schemas.microsoft.com/office/drawing/2014/main" id="{C7A56C8D-8A1D-C855-85FB-8BE7BBD8BD40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5654975" y="3249511"/>
              <a:ext cx="139700" cy="15502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</a:t>
              </a:r>
            </a:p>
          </p:txBody>
        </p:sp>
        <p:sp>
          <p:nvSpPr>
            <p:cNvPr id="13" name="OTLSHAPE_TB_00000000000000000000000000000000_TimescaleInterval4">
              <a:extLst>
                <a:ext uri="{FF2B5EF4-FFF2-40B4-BE49-F238E27FC236}">
                  <a16:creationId xmlns:a16="http://schemas.microsoft.com/office/drawing/2014/main" id="{8C4825E6-DC30-CE87-0D0F-1311874E9B66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8458907" y="3238965"/>
              <a:ext cx="203200" cy="15502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kern="1200" spc="-8" dirty="0">
                  <a:solidFill>
                    <a:schemeClr val="lt1"/>
                  </a:solidFill>
                  <a:latin typeface="Calibri" panose="020F0502020204030204" pitchFamily="34" charset="0"/>
                  <a:ea typeface="+mn-ea"/>
                  <a:cs typeface="+mn-cs"/>
                </a:rPr>
                <a:t>Nov</a:t>
              </a:r>
              <a:endPara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cxnSp>
          <p:nvCxnSpPr>
            <p:cNvPr id="19" name="OTLSHAPE_TB_00000000000000000000000000000000_Separator1">
              <a:extLst>
                <a:ext uri="{FF2B5EF4-FFF2-40B4-BE49-F238E27FC236}">
                  <a16:creationId xmlns:a16="http://schemas.microsoft.com/office/drawing/2014/main" id="{7760920A-8331-7BFE-7B30-7896A490DC50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563514" y="320002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B_00000000000000000000000000000000_Separator2">
              <a:extLst>
                <a:ext uri="{FF2B5EF4-FFF2-40B4-BE49-F238E27FC236}">
                  <a16:creationId xmlns:a16="http://schemas.microsoft.com/office/drawing/2014/main" id="{C707B73B-4CFE-A3FF-88E2-9B3AB59B0D21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3215399" y="320675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B_00000000000000000000000000000000_Separator3">
              <a:extLst>
                <a:ext uri="{FF2B5EF4-FFF2-40B4-BE49-F238E27FC236}">
                  <a16:creationId xmlns:a16="http://schemas.microsoft.com/office/drawing/2014/main" id="{F90DFB67-9825-0D7E-539D-68C780BDC49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8331105" y="3189478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OTLSHAPE_T_7c518fb37f2142bb8e0445920d0403b5_Shape">
              <a:extLst>
                <a:ext uri="{FF2B5EF4-FFF2-40B4-BE49-F238E27FC236}">
                  <a16:creationId xmlns:a16="http://schemas.microsoft.com/office/drawing/2014/main" id="{77EF5E3F-0A3F-CC7C-EE27-D1E854E3B09A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4113249" y="3734393"/>
              <a:ext cx="304800" cy="155025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8700000"/>
                  </a:lightRig>
                </a14:hiddenScene3d>
              </a:ext>
              <a:ext uri="{E45631CC-5BF2-4C18-A39C-3461C7D3F71A}">
                <a14:hiddenSp3d xmlns:a14="http://schemas.microsoft.com/office/drawing/2010/main">
                  <a:bevelT w="165100" h="12700"/>
                </a14:hiddenSp3d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OTLSHAPE_T_be3ae38f60b3402d8a13f1e91eec41f5_Shape">
              <a:extLst>
                <a:ext uri="{FF2B5EF4-FFF2-40B4-BE49-F238E27FC236}">
                  <a16:creationId xmlns:a16="http://schemas.microsoft.com/office/drawing/2014/main" id="{9C27474D-BD37-3B9C-B312-C849D3AB3610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4898868" y="3966802"/>
              <a:ext cx="901700" cy="155025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8700000"/>
                  </a:lightRig>
                </a14:hiddenScene3d>
              </a:ext>
              <a:ext uri="{E45631CC-5BF2-4C18-A39C-3461C7D3F71A}">
                <a14:hiddenSp3d xmlns:a14="http://schemas.microsoft.com/office/drawing/2010/main">
                  <a:bevelT w="165100" h="12700"/>
                </a14:hiddenSp3d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" name="OTLSHAPE_T_9aa183d65df24b0c8fecd0a002471583_Shape">
              <a:extLst>
                <a:ext uri="{FF2B5EF4-FFF2-40B4-BE49-F238E27FC236}">
                  <a16:creationId xmlns:a16="http://schemas.microsoft.com/office/drawing/2014/main" id="{FAEF7B36-952A-46C8-26D5-1055E771F65C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4898868" y="4199213"/>
              <a:ext cx="1282700" cy="155025"/>
            </a:xfrm>
            <a:prstGeom prst="round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8700000"/>
                  </a:lightRig>
                </a14:hiddenScene3d>
              </a:ext>
              <a:ext uri="{E45631CC-5BF2-4C18-A39C-3461C7D3F71A}">
                <a14:hiddenSp3d xmlns:a14="http://schemas.microsoft.com/office/drawing/2010/main">
                  <a:bevelT w="165100" h="12700"/>
                </a14:hiddenSp3d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" name="OTLSHAPE_T_7c518fb37f2142bb8e0445920d0403b5_ShapePercentage">
              <a:extLst>
                <a:ext uri="{FF2B5EF4-FFF2-40B4-BE49-F238E27FC236}">
                  <a16:creationId xmlns:a16="http://schemas.microsoft.com/office/drawing/2014/main" id="{7C3134E4-A286-CADA-8FAD-6BCD5A2192C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4113249" y="3734393"/>
              <a:ext cx="304800" cy="155025"/>
            </a:xfrm>
            <a:prstGeom prst="roundRect">
              <a:avLst/>
            </a:prstGeom>
            <a:solidFill>
              <a:schemeClr val="dk2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OTLSHAPE_T_be3ae38f60b3402d8a13f1e91eec41f5_ShapePercentage">
              <a:extLst>
                <a:ext uri="{FF2B5EF4-FFF2-40B4-BE49-F238E27FC236}">
                  <a16:creationId xmlns:a16="http://schemas.microsoft.com/office/drawing/2014/main" id="{6FC373CD-1C6B-73D4-243F-89830ED1D380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4898868" y="3966802"/>
              <a:ext cx="901700" cy="155025"/>
            </a:xfrm>
            <a:prstGeom prst="roundRect">
              <a:avLst/>
            </a:prstGeom>
            <a:solidFill>
              <a:schemeClr val="dk2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OTLSHAPE_T_9aa183d65df24b0c8fecd0a002471583_ShapePercentage">
              <a:extLst>
                <a:ext uri="{FF2B5EF4-FFF2-40B4-BE49-F238E27FC236}">
                  <a16:creationId xmlns:a16="http://schemas.microsoft.com/office/drawing/2014/main" id="{DBBB0AA2-2362-6D21-AA9A-EDE90F501366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4898868" y="4199213"/>
              <a:ext cx="1028700" cy="155025"/>
            </a:xfrm>
            <a:prstGeom prst="round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OTLSHAPE_T_7c518fb37f2142bb8e0445920d0403b5_Title">
              <a:extLst>
                <a:ext uri="{FF2B5EF4-FFF2-40B4-BE49-F238E27FC236}">
                  <a16:creationId xmlns:a16="http://schemas.microsoft.com/office/drawing/2014/main" id="{2EED6F76-F13D-40EC-2AC7-A0791DB882C6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2968005" y="3727450"/>
              <a:ext cx="1104900" cy="1689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reparatory Phase</a:t>
              </a:r>
            </a:p>
          </p:txBody>
        </p:sp>
        <p:sp>
          <p:nvSpPr>
            <p:cNvPr id="38" name="OTLSHAPE_T_7c518fb37f2142bb8e0445920d0403b5_JoinedDate">
              <a:extLst>
                <a:ext uri="{FF2B5EF4-FFF2-40B4-BE49-F238E27FC236}">
                  <a16:creationId xmlns:a16="http://schemas.microsoft.com/office/drawing/2014/main" id="{33CDD411-28BB-DB1B-A4FE-E8A8D5633D74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4463305" y="3734394"/>
              <a:ext cx="787431" cy="14118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 8 – Nov 10   </a:t>
              </a:r>
            </a:p>
          </p:txBody>
        </p:sp>
        <p:sp>
          <p:nvSpPr>
            <p:cNvPr id="39" name="OTLSHAPE_T_7c518fb37f2142bb8e0445920d0403b5_TextPercentage">
              <a:extLst>
                <a:ext uri="{FF2B5EF4-FFF2-40B4-BE49-F238E27FC236}">
                  <a16:creationId xmlns:a16="http://schemas.microsoft.com/office/drawing/2014/main" id="{276E7C28-9269-59C4-B57E-97CAB145F6BC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128534" y="3734393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0%</a:t>
              </a:r>
            </a:p>
          </p:txBody>
        </p:sp>
        <p:sp>
          <p:nvSpPr>
            <p:cNvPr id="40" name="OTLSHAPE_T_be3ae38f60b3402d8a13f1e91eec41f5_Title">
              <a:extLst>
                <a:ext uri="{FF2B5EF4-FFF2-40B4-BE49-F238E27FC236}">
                  <a16:creationId xmlns:a16="http://schemas.microsoft.com/office/drawing/2014/main" id="{D4A1ED91-9632-4734-5CAC-B43DBD4ADABC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3652870" y="3959860"/>
              <a:ext cx="1206500" cy="1689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hase 1 Work Effort</a:t>
              </a:r>
            </a:p>
          </p:txBody>
        </p:sp>
        <p:sp>
          <p:nvSpPr>
            <p:cNvPr id="41" name="OTLSHAPE_T_be3ae38f60b3402d8a13f1e91eec41f5_JoinedDate">
              <a:extLst>
                <a:ext uri="{FF2B5EF4-FFF2-40B4-BE49-F238E27FC236}">
                  <a16:creationId xmlns:a16="http://schemas.microsoft.com/office/drawing/2014/main" id="{A00F7CAA-E108-2047-7F7E-F73E7FA9271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5847491" y="3966804"/>
              <a:ext cx="800100" cy="1524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 </a:t>
              </a:r>
              <a:r>
                <a:rPr lang="en-US" sz="1000" kern="1200" spc="-4" dirty="0">
                  <a:solidFill>
                    <a:srgbClr val="737373"/>
                  </a:solidFill>
                  <a:latin typeface="Calibri" panose="020F0502020204030204" pitchFamily="34" charset="0"/>
                  <a:ea typeface="+mn-ea"/>
                  <a:cs typeface="+mn-cs"/>
                </a:rPr>
                <a:t>20</a:t>
              </a: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 - Sep 22</a:t>
              </a:r>
            </a:p>
          </p:txBody>
        </p:sp>
        <p:sp>
          <p:nvSpPr>
            <p:cNvPr id="42" name="OTLSHAPE_T_be3ae38f60b3402d8a13f1e91eec41f5_TextPercentage">
              <a:extLst>
                <a:ext uri="{FF2B5EF4-FFF2-40B4-BE49-F238E27FC236}">
                  <a16:creationId xmlns:a16="http://schemas.microsoft.com/office/drawing/2014/main" id="{27623A52-E4EC-DA2A-24DA-D73A2AD13858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512719" y="3966803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0%</a:t>
              </a:r>
            </a:p>
          </p:txBody>
        </p:sp>
        <p:sp>
          <p:nvSpPr>
            <p:cNvPr id="43" name="OTLSHAPE_T_9aa183d65df24b0c8fecd0a002471583_Title">
              <a:extLst>
                <a:ext uri="{FF2B5EF4-FFF2-40B4-BE49-F238E27FC236}">
                  <a16:creationId xmlns:a16="http://schemas.microsoft.com/office/drawing/2014/main" id="{5A2E6651-209C-4746-371C-85F2FE480024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3652870" y="4192270"/>
              <a:ext cx="1206500" cy="1689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hase 2 Work Effort</a:t>
              </a:r>
            </a:p>
          </p:txBody>
        </p:sp>
        <p:sp>
          <p:nvSpPr>
            <p:cNvPr id="44" name="OTLSHAPE_T_9aa183d65df24b0c8fecd0a002471583_JoinedDate">
              <a:extLst>
                <a:ext uri="{FF2B5EF4-FFF2-40B4-BE49-F238E27FC236}">
                  <a16:creationId xmlns:a16="http://schemas.microsoft.com/office/drawing/2014/main" id="{51B97DB7-82CB-1377-27B9-B005704D6762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6221594" y="4199213"/>
              <a:ext cx="875607" cy="15115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kern="1200" spc="-4" dirty="0">
                  <a:solidFill>
                    <a:srgbClr val="737373"/>
                  </a:solidFill>
                  <a:latin typeface="Calibri" panose="020F0502020204030204" pitchFamily="34" charset="0"/>
                  <a:ea typeface="+mn-ea"/>
                  <a:cs typeface="+mn-cs"/>
                </a:rPr>
                <a:t>Sept</a:t>
              </a: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 27 – </a:t>
              </a:r>
              <a:r>
                <a:rPr lang="en-US" sz="1000" kern="1200" spc="-4" dirty="0">
                  <a:solidFill>
                    <a:srgbClr val="737373"/>
                  </a:solidFill>
                  <a:latin typeface="Calibri" panose="020F0502020204030204" pitchFamily="34" charset="0"/>
                  <a:ea typeface="+mn-ea"/>
                  <a:cs typeface="+mn-cs"/>
                </a:rPr>
                <a:t>Oct 24</a:t>
              </a:r>
              <a:endPara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5" name="OTLSHAPE_T_9aa183d65df24b0c8fecd0a002471583_TextPercentage">
              <a:extLst>
                <a:ext uri="{FF2B5EF4-FFF2-40B4-BE49-F238E27FC236}">
                  <a16:creationId xmlns:a16="http://schemas.microsoft.com/office/drawing/2014/main" id="{C10F6D22-713F-D6DD-80BE-D6870554D23A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5696827" y="4199213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10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80%</a:t>
              </a:r>
            </a:p>
          </p:txBody>
        </p:sp>
        <p:sp>
          <p:nvSpPr>
            <p:cNvPr id="46" name="OTLSHAPE_T_06a6a20021ea4acdac20b41f7b37b0dd_Title">
              <a:extLst>
                <a:ext uri="{FF2B5EF4-FFF2-40B4-BE49-F238E27FC236}">
                  <a16:creationId xmlns:a16="http://schemas.microsoft.com/office/drawing/2014/main" id="{F30C0104-4BAC-72D3-CE01-296CF9E61B6C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3662399" y="4404515"/>
              <a:ext cx="1206500" cy="1689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hase 3 Work Effort</a:t>
              </a:r>
            </a:p>
          </p:txBody>
        </p:sp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6F5B60B7-C4DE-2699-B983-E8DA297486B7}"/>
                </a:ext>
              </a:extLst>
            </p:cNvPr>
            <p:cNvGrpSpPr/>
            <p:nvPr/>
          </p:nvGrpSpPr>
          <p:grpSpPr>
            <a:xfrm>
              <a:off x="4913079" y="4422125"/>
              <a:ext cx="1711311" cy="155025"/>
              <a:chOff x="5796717" y="4431623"/>
              <a:chExt cx="1711311" cy="155025"/>
            </a:xfrm>
          </p:grpSpPr>
          <p:sp>
            <p:nvSpPr>
              <p:cNvPr id="30" name="OTLSHAPE_T_06a6a20021ea4acdac20b41f7b37b0dd_Shape">
                <a:extLst>
                  <a:ext uri="{FF2B5EF4-FFF2-40B4-BE49-F238E27FC236}">
                    <a16:creationId xmlns:a16="http://schemas.microsoft.com/office/drawing/2014/main" id="{01EFF999-3401-0DFF-9ED8-A8853BA1FB93}"/>
                  </a:ext>
                </a:extLst>
              </p:cNvPr>
              <p:cNvSpPr/>
              <p:nvPr>
                <p:custDataLst>
                  <p:tags r:id="rId51"/>
                </p:custDataLst>
              </p:nvPr>
            </p:nvSpPr>
            <p:spPr>
              <a:xfrm>
                <a:off x="5796717" y="4431623"/>
                <a:ext cx="863600" cy="155025"/>
              </a:xfrm>
              <a:prstGeom prst="roundRect">
                <a:avLst/>
              </a:prstGeom>
              <a:solidFill>
                <a:schemeClr val="accent4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balanced" dir="t">
                      <a:rot lat="0" lon="0" rev="8700000"/>
                    </a:lightRig>
                  </a14:hiddenScene3d>
                </a:ext>
                <a:ext uri="{E45631CC-5BF2-4C18-A39C-3461C7D3F71A}">
                  <a14:hiddenSp3d xmlns:a14="http://schemas.microsoft.com/office/drawing/2010/main">
                    <a:bevelT w="165100"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36" name="OTLSHAPE_T_06a6a20021ea4acdac20b41f7b37b0dd_ShapePercentage">
                <a:extLst>
                  <a:ext uri="{FF2B5EF4-FFF2-40B4-BE49-F238E27FC236}">
                    <a16:creationId xmlns:a16="http://schemas.microsoft.com/office/drawing/2014/main" id="{DA3C88E0-3525-E594-F103-C4E4DB76F917}"/>
                  </a:ext>
                </a:extLst>
              </p:cNvPr>
              <p:cNvSpPr/>
              <p:nvPr>
                <p:custDataLst>
                  <p:tags r:id="rId52"/>
                </p:custDataLst>
              </p:nvPr>
            </p:nvSpPr>
            <p:spPr>
              <a:xfrm>
                <a:off x="5796717" y="4431623"/>
                <a:ext cx="520700" cy="155025"/>
              </a:xfrm>
              <a:prstGeom prst="roundRect">
                <a:avLst/>
              </a:prstGeom>
              <a:solidFill>
                <a:schemeClr val="dk1">
                  <a:alpha val="3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7" name="OTLSHAPE_T_06a6a20021ea4acdac20b41f7b37b0dd_JoinedDate">
                <a:extLst>
                  <a:ext uri="{FF2B5EF4-FFF2-40B4-BE49-F238E27FC236}">
                    <a16:creationId xmlns:a16="http://schemas.microsoft.com/office/drawing/2014/main" id="{91B16A8C-E038-5237-02AB-EBE8E2B8E9EB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6707929" y="4431623"/>
                <a:ext cx="800099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000" kern="1200" spc="-4" dirty="0">
                    <a:solidFill>
                      <a:srgbClr val="737373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Oct 24</a:t>
                </a:r>
                <a:r>
                  <a:rPr kumimoji="0" lang="en-US" sz="1000" b="0" i="0" u="none" strike="noStrike" kern="1200" cap="none" spc="-4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- </a:t>
                </a:r>
                <a:r>
                  <a:rPr lang="en-US" sz="1000" kern="1200" spc="-4" dirty="0">
                    <a:solidFill>
                      <a:srgbClr val="737373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Nov</a:t>
                </a:r>
                <a:r>
                  <a:rPr kumimoji="0" lang="en-US" sz="1000" b="0" i="0" u="none" strike="noStrike" kern="1200" cap="none" spc="-4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</a:t>
                </a:r>
                <a:r>
                  <a:rPr lang="en-US" sz="1000" kern="1200" spc="-4" dirty="0">
                    <a:solidFill>
                      <a:srgbClr val="737373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15</a:t>
                </a:r>
                <a:endPara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48" name="OTLSHAPE_T_06a6a20021ea4acdac20b41f7b37b0dd_TextPercentage">
                <a:extLst>
                  <a:ext uri="{FF2B5EF4-FFF2-40B4-BE49-F238E27FC236}">
                    <a16:creationId xmlns:a16="http://schemas.microsoft.com/office/drawing/2014/main" id="{04E21C58-E4D3-8002-C400-AB728D566F54}"/>
                  </a:ext>
                </a:extLst>
              </p:cNvPr>
              <p:cNvSpPr txBox="1"/>
              <p:nvPr>
                <p:custDataLst>
                  <p:tags r:id="rId54"/>
                </p:custDataLst>
              </p:nvPr>
            </p:nvSpPr>
            <p:spPr>
              <a:xfrm>
                <a:off x="6093382" y="4431623"/>
                <a:ext cx="2286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-10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60%</a:t>
                </a:r>
              </a:p>
            </p:txBody>
          </p:sp>
        </p:grpSp>
        <p:grpSp>
          <p:nvGrpSpPr>
            <p:cNvPr id="91" name="Group 90">
              <a:extLst>
                <a:ext uri="{FF2B5EF4-FFF2-40B4-BE49-F238E27FC236}">
                  <a16:creationId xmlns:a16="http://schemas.microsoft.com/office/drawing/2014/main" id="{7F8C4969-F780-ADD7-4BF0-02489E7EABD1}"/>
                </a:ext>
              </a:extLst>
            </p:cNvPr>
            <p:cNvGrpSpPr/>
            <p:nvPr/>
          </p:nvGrpSpPr>
          <p:grpSpPr>
            <a:xfrm>
              <a:off x="2968005" y="4826976"/>
              <a:ext cx="3014176" cy="168910"/>
              <a:chOff x="7262909" y="4889500"/>
              <a:chExt cx="3014176" cy="168910"/>
            </a:xfrm>
          </p:grpSpPr>
          <p:sp>
            <p:nvSpPr>
              <p:cNvPr id="32" name="OTLSHAPE_T_c109be9d91f84f3e99e4929ce565dd0c_Shape">
                <a:extLst>
                  <a:ext uri="{FF2B5EF4-FFF2-40B4-BE49-F238E27FC236}">
                    <a16:creationId xmlns:a16="http://schemas.microsoft.com/office/drawing/2014/main" id="{09833237-BFB6-0250-E6C8-9F489023FE65}"/>
                  </a:ext>
                </a:extLst>
              </p:cNvPr>
              <p:cNvSpPr/>
              <p:nvPr>
                <p:custDataLst>
                  <p:tags r:id="rId48"/>
                </p:custDataLst>
              </p:nvPr>
            </p:nvSpPr>
            <p:spPr>
              <a:xfrm>
                <a:off x="8190982" y="4897755"/>
                <a:ext cx="1168400" cy="152400"/>
              </a:xfrm>
              <a:prstGeom prst="roundRect">
                <a:avLst/>
              </a:prstGeom>
              <a:solidFill>
                <a:srgbClr val="0072BC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balanced" dir="t">
                      <a:rot lat="0" lon="0" rev="8700000"/>
                    </a:lightRig>
                  </a14:hiddenScene3d>
                </a:ext>
                <a:ext uri="{E45631CC-5BF2-4C18-A39C-3461C7D3F71A}">
                  <a14:hiddenSp3d xmlns:a14="http://schemas.microsoft.com/office/drawing/2010/main">
                    <a:bevelT w="165100"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1" name="OTLSHAPE_T_c109be9d91f84f3e99e4929ce565dd0c_Title">
                <a:extLst>
                  <a:ext uri="{FF2B5EF4-FFF2-40B4-BE49-F238E27FC236}">
                    <a16:creationId xmlns:a16="http://schemas.microsoft.com/office/drawing/2014/main" id="{49027952-D832-611F-ACAB-805B39A96417}"/>
                  </a:ext>
                </a:extLst>
              </p:cNvPr>
              <p:cNvSpPr txBox="1"/>
              <p:nvPr>
                <p:custDataLst>
                  <p:tags r:id="rId49"/>
                </p:custDataLst>
              </p:nvPr>
            </p:nvSpPr>
            <p:spPr>
              <a:xfrm>
                <a:off x="7262909" y="4889500"/>
                <a:ext cx="889000" cy="1689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1" i="0" u="none" strike="noStrike" kern="1200" cap="none" spc="-2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Segoe UI" panose="020B0502040204020203" pitchFamily="34" charset="0"/>
                    <a:ea typeface="+mn-ea"/>
                    <a:cs typeface="+mn-cs"/>
                  </a:rPr>
                  <a:t>Delivery Phase</a:t>
                </a:r>
              </a:p>
            </p:txBody>
          </p:sp>
          <p:sp>
            <p:nvSpPr>
              <p:cNvPr id="52" name="OTLSHAPE_T_c109be9d91f84f3e99e4929ce565dd0c_JoinedDate">
                <a:extLst>
                  <a:ext uri="{FF2B5EF4-FFF2-40B4-BE49-F238E27FC236}">
                    <a16:creationId xmlns:a16="http://schemas.microsoft.com/office/drawing/2014/main" id="{8FD7A51B-B251-DEA9-79E3-78AE084B801B}"/>
                  </a:ext>
                </a:extLst>
              </p:cNvPr>
              <p:cNvSpPr txBox="1"/>
              <p:nvPr>
                <p:custDataLst>
                  <p:tags r:id="rId50"/>
                </p:custDataLst>
              </p:nvPr>
            </p:nvSpPr>
            <p:spPr>
              <a:xfrm>
                <a:off x="9401478" y="4896443"/>
                <a:ext cx="875607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000" kern="1200" spc="-4" dirty="0">
                    <a:solidFill>
                      <a:srgbClr val="737373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Nov 21</a:t>
                </a:r>
                <a:endPara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endParaRPr>
              </a:p>
            </p:txBody>
          </p:sp>
        </p:grpSp>
        <p:grpSp>
          <p:nvGrpSpPr>
            <p:cNvPr id="83" name="Group 82">
              <a:extLst>
                <a:ext uri="{FF2B5EF4-FFF2-40B4-BE49-F238E27FC236}">
                  <a16:creationId xmlns:a16="http://schemas.microsoft.com/office/drawing/2014/main" id="{7E6C4BAC-85DF-2573-8132-DC34F037E88F}"/>
                </a:ext>
              </a:extLst>
            </p:cNvPr>
            <p:cNvGrpSpPr/>
            <p:nvPr/>
          </p:nvGrpSpPr>
          <p:grpSpPr>
            <a:xfrm>
              <a:off x="2699969" y="2235877"/>
              <a:ext cx="190500" cy="918020"/>
              <a:chOff x="1313793" y="2225230"/>
              <a:chExt cx="190500" cy="918020"/>
            </a:xfrm>
          </p:grpSpPr>
          <p:cxnSp>
            <p:nvCxnSpPr>
              <p:cNvPr id="7" name="OTLSHAPE_M_a58f29487c0343c08abcf41913e40cae_Connector1">
                <a:extLst>
                  <a:ext uri="{FF2B5EF4-FFF2-40B4-BE49-F238E27FC236}">
                    <a16:creationId xmlns:a16="http://schemas.microsoft.com/office/drawing/2014/main" id="{4A44C69E-9350-AE11-A5F0-46D4C428636D}"/>
                  </a:ext>
                </a:extLst>
              </p:cNvPr>
              <p:cNvCxnSpPr/>
              <p:nvPr>
                <p:custDataLst>
                  <p:tags r:id="rId46"/>
                </p:custDataLst>
              </p:nvPr>
            </p:nvCxnSpPr>
            <p:spPr>
              <a:xfrm>
                <a:off x="1313793" y="2225230"/>
                <a:ext cx="0" cy="918020"/>
              </a:xfrm>
              <a:prstGeom prst="line">
                <a:avLst/>
              </a:prstGeom>
              <a:ln w="9525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" name="OTLSHAPE_M_a58f29487c0343c08abcf41913e40cae_Shape">
                <a:extLst>
                  <a:ext uri="{FF2B5EF4-FFF2-40B4-BE49-F238E27FC236}">
                    <a16:creationId xmlns:a16="http://schemas.microsoft.com/office/drawing/2014/main" id="{2023C033-CF75-476B-7C81-461EBA5E861D}"/>
                  </a:ext>
                </a:extLst>
              </p:cNvPr>
              <p:cNvSpPr/>
              <p:nvPr>
                <p:custDataLst>
                  <p:tags r:id="rId47"/>
                </p:custDataLst>
              </p:nvPr>
            </p:nvSpPr>
            <p:spPr>
              <a:xfrm rot="16200000">
                <a:off x="1339193" y="2225230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61" name="OTLSHAPE_M_a58f29487c0343c08abcf41913e40cae_Title">
              <a:extLst>
                <a:ext uri="{FF2B5EF4-FFF2-40B4-BE49-F238E27FC236}">
                  <a16:creationId xmlns:a16="http://schemas.microsoft.com/office/drawing/2014/main" id="{1102F206-BB69-655C-1292-323FE1BF40CF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902576" y="2161392"/>
              <a:ext cx="4953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1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Kick Off</a:t>
              </a:r>
            </a:p>
          </p:txBody>
        </p:sp>
        <p:sp>
          <p:nvSpPr>
            <p:cNvPr id="62" name="OTLSHAPE_M_a58f29487c0343c08abcf41913e40cae_Date">
              <a:extLst>
                <a:ext uri="{FF2B5EF4-FFF2-40B4-BE49-F238E27FC236}">
                  <a16:creationId xmlns:a16="http://schemas.microsoft.com/office/drawing/2014/main" id="{2D88894A-AB20-1877-12FE-AC8C3FA6681D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953376" y="2333434"/>
              <a:ext cx="393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 20</a:t>
              </a:r>
            </a:p>
          </p:txBody>
        </p:sp>
        <p:grpSp>
          <p:nvGrpSpPr>
            <p:cNvPr id="82" name="Group 81">
              <a:extLst>
                <a:ext uri="{FF2B5EF4-FFF2-40B4-BE49-F238E27FC236}">
                  <a16:creationId xmlns:a16="http://schemas.microsoft.com/office/drawing/2014/main" id="{7D41CE99-0BFC-A5FB-0449-71A26FBDA869}"/>
                </a:ext>
              </a:extLst>
            </p:cNvPr>
            <p:cNvGrpSpPr/>
            <p:nvPr/>
          </p:nvGrpSpPr>
          <p:grpSpPr>
            <a:xfrm>
              <a:off x="4322017" y="2623931"/>
              <a:ext cx="825500" cy="633180"/>
              <a:chOff x="1943328" y="2573570"/>
              <a:chExt cx="825500" cy="633180"/>
            </a:xfrm>
          </p:grpSpPr>
          <p:sp>
            <p:nvSpPr>
              <p:cNvPr id="54" name="OTLSHAPE_M_52743de8bb6d4044896f473898fe9da7_Shape">
                <a:extLst>
                  <a:ext uri="{FF2B5EF4-FFF2-40B4-BE49-F238E27FC236}">
                    <a16:creationId xmlns:a16="http://schemas.microsoft.com/office/drawing/2014/main" id="{9C7C4E85-ACDE-CC0C-48A3-CC318D4F5A16}"/>
                  </a:ext>
                </a:extLst>
              </p:cNvPr>
              <p:cNvSpPr/>
              <p:nvPr>
                <p:custDataLst>
                  <p:tags r:id="rId43"/>
                </p:custDataLst>
              </p:nvPr>
            </p:nvSpPr>
            <p:spPr>
              <a:xfrm>
                <a:off x="2240635" y="2952750"/>
                <a:ext cx="228600" cy="254000"/>
              </a:xfrm>
              <a:prstGeom prst="diamond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OTLSHAPE_M_52743de8bb6d4044896f473898fe9da7_Title">
                <a:extLst>
                  <a:ext uri="{FF2B5EF4-FFF2-40B4-BE49-F238E27FC236}">
                    <a16:creationId xmlns:a16="http://schemas.microsoft.com/office/drawing/2014/main" id="{E3920CBA-83B2-2972-D4F4-A232EE8AC348}"/>
                  </a:ext>
                </a:extLst>
              </p:cNvPr>
              <p:cNvSpPr txBox="1"/>
              <p:nvPr>
                <p:custDataLst>
                  <p:tags r:id="rId44"/>
                </p:custDataLst>
              </p:nvPr>
            </p:nvSpPr>
            <p:spPr>
              <a:xfrm>
                <a:off x="1943328" y="2573570"/>
                <a:ext cx="8255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hase #1</a:t>
                </a:r>
              </a:p>
            </p:txBody>
          </p:sp>
          <p:sp>
            <p:nvSpPr>
              <p:cNvPr id="64" name="OTLSHAPE_M_52743de8bb6d4044896f473898fe9da7_Date">
                <a:extLst>
                  <a:ext uri="{FF2B5EF4-FFF2-40B4-BE49-F238E27FC236}">
                    <a16:creationId xmlns:a16="http://schemas.microsoft.com/office/drawing/2014/main" id="{AF64CD5D-5BEE-F7A3-C659-CF5FAA6B5457}"/>
                  </a:ext>
                </a:extLst>
              </p:cNvPr>
              <p:cNvSpPr txBox="1"/>
              <p:nvPr>
                <p:custDataLst>
                  <p:tags r:id="rId45"/>
                </p:custDataLst>
              </p:nvPr>
            </p:nvSpPr>
            <p:spPr>
              <a:xfrm>
                <a:off x="2189757" y="2756328"/>
                <a:ext cx="390048" cy="17516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-6" normalizeH="0" baseline="0" noProof="0" dirty="0">
                    <a:ln>
                      <a:noFill/>
                    </a:ln>
                    <a:solidFill>
                      <a:srgbClr val="A6A6A6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t 22</a:t>
                </a:r>
              </a:p>
            </p:txBody>
          </p:sp>
        </p:grp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A285B043-F802-6C6D-04FA-7092D4616EF8}"/>
                </a:ext>
              </a:extLst>
            </p:cNvPr>
            <p:cNvGrpSpPr/>
            <p:nvPr/>
          </p:nvGrpSpPr>
          <p:grpSpPr>
            <a:xfrm>
              <a:off x="6571295" y="2161392"/>
              <a:ext cx="825500" cy="1101259"/>
              <a:chOff x="3589385" y="2105491"/>
              <a:chExt cx="825500" cy="1101259"/>
            </a:xfrm>
          </p:grpSpPr>
          <p:cxnSp>
            <p:nvCxnSpPr>
              <p:cNvPr id="6" name="OTLSHAPE_M_a54bc827b05146d18b559f618723e2b4_Connector1">
                <a:extLst>
                  <a:ext uri="{FF2B5EF4-FFF2-40B4-BE49-F238E27FC236}">
                    <a16:creationId xmlns:a16="http://schemas.microsoft.com/office/drawing/2014/main" id="{34186B3C-B69D-4894-0EB7-3E9ECBEE72A4}"/>
                  </a:ext>
                </a:extLst>
              </p:cNvPr>
              <p:cNvCxnSpPr/>
              <p:nvPr>
                <p:custDataLst>
                  <p:tags r:id="rId39"/>
                </p:custDataLst>
              </p:nvPr>
            </p:nvCxnSpPr>
            <p:spPr>
              <a:xfrm>
                <a:off x="4000992" y="2381758"/>
                <a:ext cx="0" cy="595080"/>
              </a:xfrm>
              <a:prstGeom prst="line">
                <a:avLst/>
              </a:prstGeom>
              <a:ln w="9525" cap="flat" cmpd="sng" algn="ctr">
                <a:solidFill>
                  <a:schemeClr val="accent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5" name="OTLSHAPE_M_a54bc827b05146d18b559f618723e2b4_Shape">
                <a:extLst>
                  <a:ext uri="{FF2B5EF4-FFF2-40B4-BE49-F238E27FC236}">
                    <a16:creationId xmlns:a16="http://schemas.microsoft.com/office/drawing/2014/main" id="{D459CB0E-48A7-80F4-0DE0-F7F1C869EB1B}"/>
                  </a:ext>
                </a:extLst>
              </p:cNvPr>
              <p:cNvSpPr/>
              <p:nvPr>
                <p:custDataLst>
                  <p:tags r:id="rId40"/>
                </p:custDataLst>
              </p:nvPr>
            </p:nvSpPr>
            <p:spPr>
              <a:xfrm>
                <a:off x="3886692" y="2952750"/>
                <a:ext cx="228600" cy="254000"/>
              </a:xfrm>
              <a:prstGeom prst="diamond">
                <a:avLst/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5" name="OTLSHAPE_M_a54bc827b05146d18b559f618723e2b4_Title">
                <a:extLst>
                  <a:ext uri="{FF2B5EF4-FFF2-40B4-BE49-F238E27FC236}">
                    <a16:creationId xmlns:a16="http://schemas.microsoft.com/office/drawing/2014/main" id="{61A2092F-019B-E6E7-6253-4F9258FF3C22}"/>
                  </a:ext>
                </a:extLst>
              </p:cNvPr>
              <p:cNvSpPr txBox="1"/>
              <p:nvPr>
                <p:custDataLst>
                  <p:tags r:id="rId41"/>
                </p:custDataLst>
              </p:nvPr>
            </p:nvSpPr>
            <p:spPr>
              <a:xfrm>
                <a:off x="3589385" y="2105491"/>
                <a:ext cx="8255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hase #2</a:t>
                </a:r>
              </a:p>
            </p:txBody>
          </p:sp>
          <p:sp>
            <p:nvSpPr>
              <p:cNvPr id="66" name="OTLSHAPE_M_a54bc827b05146d18b559f618723e2b4_Date">
                <a:extLst>
                  <a:ext uri="{FF2B5EF4-FFF2-40B4-BE49-F238E27FC236}">
                    <a16:creationId xmlns:a16="http://schemas.microsoft.com/office/drawing/2014/main" id="{EC662F68-B306-ECF1-0A5D-01DFECCA6C2C}"/>
                  </a:ext>
                </a:extLst>
              </p:cNvPr>
              <p:cNvSpPr txBox="1"/>
              <p:nvPr>
                <p:custDataLst>
                  <p:tags r:id="rId42"/>
                </p:custDataLst>
              </p:nvPr>
            </p:nvSpPr>
            <p:spPr>
              <a:xfrm>
                <a:off x="3854073" y="2304246"/>
                <a:ext cx="393699" cy="14869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000" kern="1200" spc="-6" dirty="0">
                    <a:solidFill>
                      <a:srgbClr val="A6A6A6"/>
                    </a:solidFill>
                    <a:latin typeface="Calibri" panose="020F0502020204030204" pitchFamily="34" charset="0"/>
                    <a:ea typeface="+mn-ea"/>
                    <a:cs typeface="+mn-cs"/>
                  </a:rPr>
                  <a:t>Oct 24</a:t>
                </a:r>
                <a:endPara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endParaRPr>
              </a:p>
            </p:txBody>
          </p:sp>
        </p:grpSp>
        <p:grpSp>
          <p:nvGrpSpPr>
            <p:cNvPr id="80" name="Group 79">
              <a:extLst>
                <a:ext uri="{FF2B5EF4-FFF2-40B4-BE49-F238E27FC236}">
                  <a16:creationId xmlns:a16="http://schemas.microsoft.com/office/drawing/2014/main" id="{A532FA44-9799-3A20-7275-8CFD0A714080}"/>
                </a:ext>
              </a:extLst>
            </p:cNvPr>
            <p:cNvGrpSpPr/>
            <p:nvPr/>
          </p:nvGrpSpPr>
          <p:grpSpPr>
            <a:xfrm>
              <a:off x="4990152" y="2063473"/>
              <a:ext cx="838200" cy="1199776"/>
              <a:chOff x="4449136" y="2006974"/>
              <a:chExt cx="838200" cy="1199776"/>
            </a:xfrm>
          </p:grpSpPr>
          <p:sp>
            <p:nvSpPr>
              <p:cNvPr id="56" name="OTLSHAPE_M_93afb554552a4221a5380f7919409aa7_Shape">
                <a:extLst>
                  <a:ext uri="{FF2B5EF4-FFF2-40B4-BE49-F238E27FC236}">
                    <a16:creationId xmlns:a16="http://schemas.microsoft.com/office/drawing/2014/main" id="{3C9912A0-A1A4-29AF-1990-DA58F93FDCE7}"/>
                  </a:ext>
                </a:extLst>
              </p:cNvPr>
              <p:cNvSpPr/>
              <p:nvPr>
                <p:custDataLst>
                  <p:tags r:id="rId36"/>
                </p:custDataLst>
              </p:nvPr>
            </p:nvSpPr>
            <p:spPr>
              <a:xfrm>
                <a:off x="4709721" y="2952750"/>
                <a:ext cx="228600" cy="254000"/>
              </a:xfrm>
              <a:prstGeom prst="diamond">
                <a:avLst/>
              </a:prstGeom>
              <a:solidFill>
                <a:schemeClr val="accent4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7" name="OTLSHAPE_M_93afb554552a4221a5380f7919409aa7_Title">
                <a:extLst>
                  <a:ext uri="{FF2B5EF4-FFF2-40B4-BE49-F238E27FC236}">
                    <a16:creationId xmlns:a16="http://schemas.microsoft.com/office/drawing/2014/main" id="{DCAE233A-3C06-44DB-39AF-054069751D00}"/>
                  </a:ext>
                </a:extLst>
              </p:cNvPr>
              <p:cNvSpPr txBox="1"/>
              <p:nvPr>
                <p:custDataLst>
                  <p:tags r:id="rId37"/>
                </p:custDataLst>
              </p:nvPr>
            </p:nvSpPr>
            <p:spPr>
              <a:xfrm>
                <a:off x="4449136" y="2006974"/>
                <a:ext cx="8382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eview #1</a:t>
                </a:r>
              </a:p>
            </p:txBody>
          </p:sp>
          <p:sp>
            <p:nvSpPr>
              <p:cNvPr id="68" name="OTLSHAPE_M_93afb554552a4221a5380f7919409aa7_Date">
                <a:extLst>
                  <a:ext uri="{FF2B5EF4-FFF2-40B4-BE49-F238E27FC236}">
                    <a16:creationId xmlns:a16="http://schemas.microsoft.com/office/drawing/2014/main" id="{B6AF5267-465C-2EAD-C8C1-443024CAE01B}"/>
                  </a:ext>
                </a:extLst>
              </p:cNvPr>
              <p:cNvSpPr txBox="1"/>
              <p:nvPr>
                <p:custDataLst>
                  <p:tags r:id="rId38"/>
                </p:custDataLst>
              </p:nvPr>
            </p:nvSpPr>
            <p:spPr>
              <a:xfrm>
                <a:off x="4633463" y="2203394"/>
                <a:ext cx="427077" cy="17540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-6" normalizeH="0" baseline="0" noProof="0" dirty="0">
                    <a:ln>
                      <a:noFill/>
                    </a:ln>
                    <a:solidFill>
                      <a:srgbClr val="A6A6A6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pt 26</a:t>
                </a:r>
              </a:p>
            </p:txBody>
          </p:sp>
        </p:grpSp>
        <p:grpSp>
          <p:nvGrpSpPr>
            <p:cNvPr id="81" name="Group 80">
              <a:extLst>
                <a:ext uri="{FF2B5EF4-FFF2-40B4-BE49-F238E27FC236}">
                  <a16:creationId xmlns:a16="http://schemas.microsoft.com/office/drawing/2014/main" id="{14461B82-1D85-4301-1299-5369ADE1A01F}"/>
                </a:ext>
              </a:extLst>
            </p:cNvPr>
            <p:cNvGrpSpPr/>
            <p:nvPr/>
          </p:nvGrpSpPr>
          <p:grpSpPr>
            <a:xfrm>
              <a:off x="9341315" y="1788258"/>
              <a:ext cx="825500" cy="1480817"/>
              <a:chOff x="4904641" y="1708661"/>
              <a:chExt cx="825500" cy="1480817"/>
            </a:xfrm>
          </p:grpSpPr>
          <p:sp>
            <p:nvSpPr>
              <p:cNvPr id="57" name="OTLSHAPE_M_95f339bb5c8846ebaef02014bccbd531_Shape">
                <a:extLst>
                  <a:ext uri="{FF2B5EF4-FFF2-40B4-BE49-F238E27FC236}">
                    <a16:creationId xmlns:a16="http://schemas.microsoft.com/office/drawing/2014/main" id="{F6F43C9E-871B-0856-5F79-CD2EB05CB6B8}"/>
                  </a:ext>
                </a:extLst>
              </p:cNvPr>
              <p:cNvSpPr/>
              <p:nvPr>
                <p:custDataLst>
                  <p:tags r:id="rId32"/>
                </p:custDataLst>
              </p:nvPr>
            </p:nvSpPr>
            <p:spPr>
              <a:xfrm>
                <a:off x="5207113" y="2935478"/>
                <a:ext cx="228600" cy="254000"/>
              </a:xfrm>
              <a:prstGeom prst="diamond">
                <a:avLst/>
              </a:prstGeom>
              <a:solidFill>
                <a:srgbClr val="FEBA0A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9" name="OTLSHAPE_M_95f339bb5c8846ebaef02014bccbd531_Title">
                <a:extLst>
                  <a:ext uri="{FF2B5EF4-FFF2-40B4-BE49-F238E27FC236}">
                    <a16:creationId xmlns:a16="http://schemas.microsoft.com/office/drawing/2014/main" id="{500DD11B-8873-1DA8-1E95-13DEF391D3F3}"/>
                  </a:ext>
                </a:extLst>
              </p:cNvPr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4904641" y="1708661"/>
                <a:ext cx="8255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hase #3</a:t>
                </a:r>
              </a:p>
            </p:txBody>
          </p:sp>
          <p:sp>
            <p:nvSpPr>
              <p:cNvPr id="70" name="OTLSHAPE_M_95f339bb5c8846ebaef02014bccbd531_Date">
                <a:extLst>
                  <a:ext uri="{FF2B5EF4-FFF2-40B4-BE49-F238E27FC236}">
                    <a16:creationId xmlns:a16="http://schemas.microsoft.com/office/drawing/2014/main" id="{74B2DB34-A6D5-E0E3-40FB-9B5AD97C810D}"/>
                  </a:ext>
                </a:extLst>
              </p:cNvPr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5112849" y="1897158"/>
                <a:ext cx="423433" cy="13094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-6" normalizeH="0" baseline="0" noProof="0" dirty="0">
                    <a:ln>
                      <a:noFill/>
                    </a:ln>
                    <a:solidFill>
                      <a:srgbClr val="A6A6A6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Nov 10</a:t>
                </a:r>
              </a:p>
            </p:txBody>
          </p:sp>
          <p:cxnSp>
            <p:nvCxnSpPr>
              <p:cNvPr id="78" name="OTLSHAPE_M_a58f29487c0343c08abcf41913e40cae_Connector1">
                <a:extLst>
                  <a:ext uri="{FF2B5EF4-FFF2-40B4-BE49-F238E27FC236}">
                    <a16:creationId xmlns:a16="http://schemas.microsoft.com/office/drawing/2014/main" id="{F40D720A-2C82-D6D9-04B3-B294EE87A23B}"/>
                  </a:ext>
                </a:extLst>
              </p:cNvPr>
              <p:cNvCxnSpPr/>
              <p:nvPr>
                <p:custDataLst>
                  <p:tags r:id="rId35"/>
                </p:custDataLst>
              </p:nvPr>
            </p:nvCxnSpPr>
            <p:spPr>
              <a:xfrm>
                <a:off x="5324566" y="2061348"/>
                <a:ext cx="0" cy="918020"/>
              </a:xfrm>
              <a:prstGeom prst="line">
                <a:avLst/>
              </a:prstGeom>
              <a:ln w="9525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84" name="OTLSHAPE_M_a54bc827b05146d18b559f618723e2b4_Connector1">
              <a:extLst>
                <a:ext uri="{FF2B5EF4-FFF2-40B4-BE49-F238E27FC236}">
                  <a16:creationId xmlns:a16="http://schemas.microsoft.com/office/drawing/2014/main" id="{782EDDAF-BC29-D862-774C-2A023F6578E9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5358630" y="2435480"/>
              <a:ext cx="0" cy="595080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2CAA1AF8-DE3C-51C5-B6F8-7ACA9A5C86EE}"/>
                </a:ext>
              </a:extLst>
            </p:cNvPr>
            <p:cNvGrpSpPr/>
            <p:nvPr/>
          </p:nvGrpSpPr>
          <p:grpSpPr>
            <a:xfrm>
              <a:off x="7974192" y="2083855"/>
              <a:ext cx="838200" cy="1199776"/>
              <a:chOff x="4449136" y="2006974"/>
              <a:chExt cx="838200" cy="1199776"/>
            </a:xfrm>
          </p:grpSpPr>
          <p:sp>
            <p:nvSpPr>
              <p:cNvPr id="86" name="OTLSHAPE_M_93afb554552a4221a5380f7919409aa7_Shape">
                <a:extLst>
                  <a:ext uri="{FF2B5EF4-FFF2-40B4-BE49-F238E27FC236}">
                    <a16:creationId xmlns:a16="http://schemas.microsoft.com/office/drawing/2014/main" id="{263DAB0F-A5A1-A6BE-4CF5-A9A1D6A1B78D}"/>
                  </a:ext>
                </a:extLst>
              </p:cNvPr>
              <p:cNvSpPr/>
              <p:nvPr>
                <p:custDataLst>
                  <p:tags r:id="rId29"/>
                </p:custDataLst>
              </p:nvPr>
            </p:nvSpPr>
            <p:spPr>
              <a:xfrm>
                <a:off x="4709721" y="2952750"/>
                <a:ext cx="228600" cy="254000"/>
              </a:xfrm>
              <a:prstGeom prst="diamond">
                <a:avLst/>
              </a:prstGeom>
              <a:solidFill>
                <a:schemeClr val="accent4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7" name="OTLSHAPE_M_93afb554552a4221a5380f7919409aa7_Title">
                <a:extLst>
                  <a:ext uri="{FF2B5EF4-FFF2-40B4-BE49-F238E27FC236}">
                    <a16:creationId xmlns:a16="http://schemas.microsoft.com/office/drawing/2014/main" id="{C95BD14F-85BC-1C21-FD4B-2C202FB4F7C7}"/>
                  </a:ext>
                </a:extLst>
              </p:cNvPr>
              <p:cNvSpPr txBox="1"/>
              <p:nvPr>
                <p:custDataLst>
                  <p:tags r:id="rId30"/>
                </p:custDataLst>
              </p:nvPr>
            </p:nvSpPr>
            <p:spPr>
              <a:xfrm>
                <a:off x="4449136" y="2006974"/>
                <a:ext cx="8382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Review #2</a:t>
                </a:r>
              </a:p>
            </p:txBody>
          </p:sp>
          <p:sp>
            <p:nvSpPr>
              <p:cNvPr id="88" name="OTLSHAPE_M_93afb554552a4221a5380f7919409aa7_Date">
                <a:extLst>
                  <a:ext uri="{FF2B5EF4-FFF2-40B4-BE49-F238E27FC236}">
                    <a16:creationId xmlns:a16="http://schemas.microsoft.com/office/drawing/2014/main" id="{26D802D6-2FB0-1D60-8684-B5152E8B4579}"/>
                  </a:ext>
                </a:extLst>
              </p:cNvPr>
              <p:cNvSpPr txBox="1"/>
              <p:nvPr>
                <p:custDataLst>
                  <p:tags r:id="rId31"/>
                </p:custDataLst>
              </p:nvPr>
            </p:nvSpPr>
            <p:spPr>
              <a:xfrm>
                <a:off x="4633464" y="2203394"/>
                <a:ext cx="3683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-6" normalizeH="0" baseline="0" noProof="0" dirty="0">
                    <a:ln>
                      <a:noFill/>
                    </a:ln>
                    <a:solidFill>
                      <a:srgbClr val="A6A6A6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--</a:t>
                </a:r>
              </a:p>
            </p:txBody>
          </p:sp>
        </p:grpSp>
        <p:cxnSp>
          <p:nvCxnSpPr>
            <p:cNvPr id="89" name="OTLSHAPE_M_a54bc827b05146d18b559f618723e2b4_Connector1">
              <a:extLst>
                <a:ext uri="{FF2B5EF4-FFF2-40B4-BE49-F238E27FC236}">
                  <a16:creationId xmlns:a16="http://schemas.microsoft.com/office/drawing/2014/main" id="{B9748BD7-B515-0B74-6624-611B6DB092A6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8331105" y="2463885"/>
              <a:ext cx="0" cy="595080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3163155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4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342900" lvl="0" indent="-342900">
              <a:buAutoNum type="arabicPeriod"/>
            </a:pPr>
            <a:r>
              <a:rPr lang="en-US" b="1" dirty="0"/>
              <a:t>"All optical logic gate using SOA"</a:t>
            </a:r>
            <a:r>
              <a:rPr lang="en-US" dirty="0"/>
              <a:t> (2004, </a:t>
            </a:r>
            <a:r>
              <a:rPr lang="en-US" i="1" dirty="0"/>
              <a:t>Journal of the Korean Physical Society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paper demonstrates how both </a:t>
            </a:r>
            <a:r>
              <a:rPr lang="en-US" b="1" dirty="0"/>
              <a:t>Cross-Gain Modulation (XGM)</a:t>
            </a:r>
            <a:r>
              <a:rPr lang="en-US" dirty="0"/>
              <a:t> and </a:t>
            </a:r>
            <a:r>
              <a:rPr lang="en-US" b="1" dirty="0"/>
              <a:t>Cross-Phase Modulation (XPM)</a:t>
            </a:r>
            <a:r>
              <a:rPr lang="en-US" dirty="0"/>
              <a:t> can be used to implement all fundamental logic gates (AND, OR, XOR, NOT, NOR, XNOR) at speeds up to </a:t>
            </a:r>
            <a:r>
              <a:rPr lang="en-US" b="1" dirty="0"/>
              <a:t>20 Gbps</a:t>
            </a:r>
            <a:r>
              <a:rPr lang="en-US" dirty="0"/>
              <a:t>. It highlights the compact size, stability, and integration capability of SOA-based devices, which are crucial for complex systems like full adders.</a:t>
            </a:r>
          </a:p>
          <a:p>
            <a:pPr lvl="0"/>
            <a:endParaRPr lang="en-US" dirty="0"/>
          </a:p>
          <a:p>
            <a:pPr lvl="0"/>
            <a:r>
              <a:rPr lang="en-US" b="1" dirty="0"/>
              <a:t>2. "Design and Simulation of SOA based Optical NAND gate for photonics FPGA"</a:t>
            </a:r>
            <a:r>
              <a:rPr lang="en-US" dirty="0"/>
              <a:t> (2021, </a:t>
            </a:r>
            <a:r>
              <a:rPr lang="en-US" i="1" dirty="0"/>
              <a:t>2nd International Conference for Emerging   Technology</a:t>
            </a:r>
            <a:r>
              <a:rPr lang="en-US" dirty="0"/>
              <a:t>)</a:t>
            </a:r>
            <a:endParaRPr lang="en-US" b="1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work focuses on the universal </a:t>
            </a:r>
            <a:r>
              <a:rPr lang="en-US" b="1" dirty="0"/>
              <a:t>NAND gate</a:t>
            </a:r>
            <a:r>
              <a:rPr lang="en-US" dirty="0"/>
              <a:t> and utilizes the </a:t>
            </a:r>
            <a:r>
              <a:rPr lang="en-US" b="1" dirty="0"/>
              <a:t>Four-Wave Mixing (FWM)</a:t>
            </a:r>
            <a:r>
              <a:rPr lang="en-US" dirty="0"/>
              <a:t> non-linear property of SOAs. It emphasizes that universal gates are key building blocks for more complex circuits like photonic FPG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3. </a:t>
            </a:r>
            <a:r>
              <a:rPr lang="en-US" b="1" dirty="0"/>
              <a:t>"Design of Full Adder and Subtractor Based on MZI - SOA"</a:t>
            </a:r>
            <a:r>
              <a:rPr lang="en-US" dirty="0"/>
              <a:t> (2015, </a:t>
            </a:r>
            <a:r>
              <a:rPr lang="en-US" i="1" dirty="0"/>
              <a:t>SPACES-2015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paper proposes a systematic model for an all-optical </a:t>
            </a:r>
            <a:r>
              <a:rPr lang="en-US" b="1" dirty="0"/>
              <a:t>full adder and full subtractor</a:t>
            </a:r>
            <a:r>
              <a:rPr lang="en-US" dirty="0"/>
              <a:t> based on the </a:t>
            </a:r>
            <a:r>
              <a:rPr lang="en-US" b="1" dirty="0"/>
              <a:t>MZI-SOA</a:t>
            </a:r>
            <a:r>
              <a:rPr lang="en-US" dirty="0"/>
              <a:t> configuration. It successfully validates the designs using </a:t>
            </a:r>
            <a:r>
              <a:rPr lang="en-US" dirty="0" err="1"/>
              <a:t>OptiSystem</a:t>
            </a:r>
            <a:r>
              <a:rPr lang="en-US" dirty="0"/>
              <a:t>, confirming that complex arithmetic circuits can be effectively realized by properly combining the output terminals of MZI-SOA components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/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4. </a:t>
            </a:r>
            <a:r>
              <a:rPr lang="en-US" b="1" dirty="0"/>
              <a:t>"All optical Full-Adder and Full-Subtractor using Semiconductor Optical Amplifiers and All-Optical Logic Gates"</a:t>
            </a:r>
            <a:r>
              <a:rPr lang="en-US" dirty="0"/>
              <a:t> (2020, </a:t>
            </a:r>
            <a:r>
              <a:rPr lang="en-US" i="1" dirty="0"/>
              <a:t>7th International Conference on Signal Processing and Integrated Networks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paper presents a schematic design for a full adder and full subtractor using fundamental logic gates (AND, OR, XOR, NOT) that are themselves based on SOA principles. It uses XPM and simulates the design in </a:t>
            </a:r>
            <a:r>
              <a:rPr lang="en-US" dirty="0" err="1"/>
              <a:t>OptiSystem</a:t>
            </a:r>
            <a:r>
              <a:rPr lang="en-US" dirty="0"/>
              <a:t>, validating the outputs for specific input sequences.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38241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C23F79B-4192-7206-6922-AE5AA9BE24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1792668-AC77-CB83-54B1-51509844D087}"/>
              </a:ext>
            </a:extLst>
          </p:cNvPr>
          <p:cNvSpPr txBox="1"/>
          <p:nvPr/>
        </p:nvSpPr>
        <p:spPr>
          <a:xfrm>
            <a:off x="432619" y="771998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/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5.</a:t>
            </a:r>
            <a:r>
              <a:rPr lang="en-US" b="1" dirty="0"/>
              <a:t> "Design of all-optical D flipflop using SOA-MZI Architecture"</a:t>
            </a:r>
            <a:r>
              <a:rPr lang="en-US" dirty="0"/>
              <a:t> (2021, </a:t>
            </a:r>
            <a:r>
              <a:rPr lang="en-US" i="1" dirty="0"/>
              <a:t>International Conference on Artificial Intelligence and Smart Systems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research demonstrates that beyond combinational circuits, all-optical sequential circuits like a </a:t>
            </a:r>
            <a:r>
              <a:rPr lang="en-US" b="1" dirty="0"/>
              <a:t>D flip-flop</a:t>
            </a:r>
            <a:r>
              <a:rPr lang="en-US" dirty="0"/>
              <a:t> can also be built using SOA-MZI architecture. It shows how cascading fundamental gates (NAND and NOT) can create memory elements, which are vital for optical computing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/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6. </a:t>
            </a:r>
            <a:r>
              <a:rPr lang="en-US" b="1" dirty="0"/>
              <a:t>Design and analysis of SOA-MZI based optical digital circuits for high speed optical networks"</a:t>
            </a:r>
            <a:r>
              <a:rPr lang="en-US" dirty="0"/>
              <a:t> (2023, </a:t>
            </a:r>
            <a:r>
              <a:rPr lang="en-US" i="1" dirty="0"/>
              <a:t>e-Prime - Advances in Electrical Engineering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paper provides a comprehensive analysis of various all-optical digital circuits, including converters, using the SOA-MZI configuration. It specifically details a 10 Gbps operation and evaluates performance with metrics like Q-factor and BER, establishing a benchmark for signal quality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lvl="0"/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7. </a:t>
            </a:r>
            <a:r>
              <a:rPr lang="en-US" b="1" dirty="0"/>
              <a:t>"Design and analysis of carrier reservoir SOA based 2x1 MUX with enable input..."</a:t>
            </a:r>
            <a:r>
              <a:rPr lang="en-US" dirty="0"/>
              <a:t> (2024, </a:t>
            </a:r>
            <a:r>
              <a:rPr lang="en-US" i="1" dirty="0"/>
              <a:t>Optical and Quantum Electronics</a:t>
            </a:r>
            <a:r>
              <a:rPr lang="en-US" dirty="0"/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/>
              <a:t>Key Takeaways:</a:t>
            </a:r>
            <a:r>
              <a:rPr lang="en-US" dirty="0"/>
              <a:t> This is an advanced study that uses </a:t>
            </a:r>
            <a:r>
              <a:rPr lang="en-US" b="1" dirty="0"/>
              <a:t>Carrier Reservoir SOAs (CR-SOAs)</a:t>
            </a:r>
            <a:r>
              <a:rPr lang="en-US" dirty="0"/>
              <a:t> to achieve an ultra-high data rate of </a:t>
            </a:r>
            <a:r>
              <a:rPr lang="en-US" b="1" dirty="0"/>
              <a:t>120 Gbps</a:t>
            </a:r>
            <a:r>
              <a:rPr lang="en-US" dirty="0"/>
              <a:t>. It highlights how multiplexers can be used as universal building blocks for basic logic gates, demonstrating a highly flexible and versatile approach to all-optical circuit design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/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1" dirty="0" err="1"/>
              <a:t>OptiSystem</a:t>
            </a:r>
            <a:r>
              <a:rPr lang="en-US" b="1" dirty="0"/>
              <a:t> Software:</a:t>
            </a:r>
            <a:r>
              <a:rPr lang="en-US" dirty="0"/>
              <a:t> A powerful and widely-used software for designing, simulating, and analyzing optical components and systems, as demonstrated in multiple research papers we've reviewed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B354823-4216-48B5-70EA-4DE04F328D1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F59CC10-E4A2-1DA1-0A6E-07B01EDB54CC}"/>
              </a:ext>
            </a:extLst>
          </p:cNvPr>
          <p:cNvSpPr txBox="1"/>
          <p:nvPr/>
        </p:nvSpPr>
        <p:spPr>
          <a:xfrm>
            <a:off x="1000124" y="137044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257571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4641749-8CEA-B055-C9BB-2825C4706BA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0D7F0C7-4978-F88B-EBB2-8805B8500535}"/>
              </a:ext>
            </a:extLst>
          </p:cNvPr>
          <p:cNvSpPr txBox="1"/>
          <p:nvPr/>
        </p:nvSpPr>
        <p:spPr>
          <a:xfrm>
            <a:off x="432619" y="771998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lvl="0"/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Optical Logic Gates &amp; Circuit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Research has focused on implementing individual gates like XOR, NAND, and NOR, as well as more complex circuits like full adders, full subtractors, and flip-flops using various technologies, with a strong focus on SOA-MZI configu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Hybrid System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Companies like Intel, IBM, and Cisco are pioneering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silicon photonics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, which integrates optical components like waveguides and modulators onto electronic chips. These hybrid systems are already used in data centers for high-speed, low-latency interconnect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Photonic Integrated Circuits (PICs)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These are chips that integrate multiple optical components, such as lasers, modulators, and waveguides, into a compact platform. PICs are essential for making scalable and practical optical processor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Specialized Application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All-optical signal processing is being explored for specific applications such as all-optical switches, data encoding, packet switching, signal regeneration, and header recognition in telecommunication system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Optical Neural Networks (ONNs)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Startups are developing optical processors tailored for artificial intelligence and machine learning, leveraging the high bandwidth and parallel processing capabilities of light.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DBC068-BC23-8F32-3418-DD67D36971D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9472353-7872-734D-3330-47BB855BCE67}"/>
              </a:ext>
            </a:extLst>
          </p:cNvPr>
          <p:cNvSpPr txBox="1"/>
          <p:nvPr/>
        </p:nvSpPr>
        <p:spPr>
          <a:xfrm>
            <a:off x="1000124" y="137044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85427439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(XOR Gate)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1355292" y="726132"/>
            <a:ext cx="5463716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Block Diagram/Pin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7B3FE64C-ED43-A052-11E8-812792B8FDDF}"/>
              </a:ext>
            </a:extLst>
          </p:cNvPr>
          <p:cNvSpPr txBox="1"/>
          <p:nvPr/>
        </p:nvSpPr>
        <p:spPr>
          <a:xfrm>
            <a:off x="7195856" y="726132"/>
            <a:ext cx="5525728" cy="53127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Behaviour Diagram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Flow chart/ State machine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   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A86126C3-93A8-649C-545D-EE60F594698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277" b="19444"/>
          <a:stretch>
            <a:fillRect/>
          </a:stretch>
        </p:blipFill>
        <p:spPr bwMode="auto">
          <a:xfrm>
            <a:off x="2588508" y="1219989"/>
            <a:ext cx="2997283" cy="13043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6" name="Picture 6">
            <a:extLst>
              <a:ext uri="{FF2B5EF4-FFF2-40B4-BE49-F238E27FC236}">
                <a16:creationId xmlns:a16="http://schemas.microsoft.com/office/drawing/2014/main" id="{BB09CA41-FC43-9355-828C-4F013EC9B9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97844" y="1219989"/>
            <a:ext cx="2721752" cy="48189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E24FA82A-5DAB-BD88-CF1D-8A7A9C669716}"/>
              </a:ext>
            </a:extLst>
          </p:cNvPr>
          <p:cNvCxnSpPr>
            <a:cxnSpLocks/>
          </p:cNvCxnSpPr>
          <p:nvPr/>
        </p:nvCxnSpPr>
        <p:spPr>
          <a:xfrm>
            <a:off x="8104156" y="788096"/>
            <a:ext cx="24656" cy="588734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AF0EC3FD-D89A-08B9-CAD1-A720CA8D1B4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6383" y="2576130"/>
            <a:ext cx="7741532" cy="36210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94606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06A14E8-0BEF-7528-2C3F-EC804849442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D6BB6A0-08DF-7DCC-19FA-F662C7A49877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(OR Gate)</a:t>
            </a:r>
            <a:endParaRPr dirty="0"/>
          </a:p>
        </p:txBody>
      </p:sp>
      <p:sp>
        <p:nvSpPr>
          <p:cNvPr id="6" name="Google Shape;125;p3">
            <a:extLst>
              <a:ext uri="{FF2B5EF4-FFF2-40B4-BE49-F238E27FC236}">
                <a16:creationId xmlns:a16="http://schemas.microsoft.com/office/drawing/2014/main" id="{4F5C5E96-9885-A328-936D-E95D598A07C2}"/>
              </a:ext>
            </a:extLst>
          </p:cNvPr>
          <p:cNvSpPr txBox="1"/>
          <p:nvPr/>
        </p:nvSpPr>
        <p:spPr>
          <a:xfrm>
            <a:off x="3364141" y="2676462"/>
            <a:ext cx="5463716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Block Diagram/Pin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DE2CF47E-0113-72CD-7E8B-60192240D3B2}"/>
              </a:ext>
            </a:extLst>
          </p:cNvPr>
          <p:cNvSpPr txBox="1"/>
          <p:nvPr/>
        </p:nvSpPr>
        <p:spPr>
          <a:xfrm>
            <a:off x="3333136" y="888062"/>
            <a:ext cx="5525728" cy="76228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Behaviour Diagram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Flow chart/ State machine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   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A085EF7-6552-4D17-A2A8-35EC13C29FB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2787" y="3429000"/>
            <a:ext cx="4748081" cy="266446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5DA075B-C640-04C5-F354-E8AE1497382F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36941" b="37125"/>
          <a:stretch>
            <a:fillRect/>
          </a:stretch>
        </p:blipFill>
        <p:spPr>
          <a:xfrm>
            <a:off x="3163556" y="1540495"/>
            <a:ext cx="5864887" cy="95290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9BEEC7DD-84C5-C17B-2A8C-E90791DF231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18823" y="3251799"/>
            <a:ext cx="6970388" cy="2841667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9E1C87EC-E60B-CD3F-225B-B1C0B4FA697C}"/>
              </a:ext>
            </a:extLst>
          </p:cNvPr>
          <p:cNvCxnSpPr/>
          <p:nvPr/>
        </p:nvCxnSpPr>
        <p:spPr>
          <a:xfrm>
            <a:off x="210479" y="2600018"/>
            <a:ext cx="11771040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99663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9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295279" y="726132"/>
            <a:ext cx="5800719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High-Speed All-Optical Switching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The designed logic gates can act as fundamental components in high-speed optical switches, which are essential for directing data traffic in future communication network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Optical Signal Processing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The logic gates can be used for tasks like data encoding, signal regeneration (3R regeneration), and packet recognition, which enhance the overall efficiency and security of optical communication system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All-Optical Computing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By combining these logic gates, we can build more complex digital circuits like half adders, full adders, and half subtractors, which are the building blocks of all-optical arithmetic logic units (ALUs)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Future Network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The project serves as a foundational step toward realizing fully all-optical networks and integrated photonic circuits, which promise higher data rates and lower power consumption by eliminating the need for optical-to-electrical convers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Memory Element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Our work on gates like NAND can be extended to create memory elements such as flip-flops and latches, as mentioned in existing research, which are critical for optical storage and data latching device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57924" y="757114"/>
            <a:ext cx="5800718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Truth Table Verification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We will verify the functionality of each designed logic gate (XOR, AND, OR, NOT) by applying all possible input combinations (e.g., 00, 01, 10, 11 for a two-input gate) and confirming that the output matches the expected Boolean logic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Signal Integrity Analysis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Using the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BER Analyzer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and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Optical Time Domain Visualizer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in </a:t>
            </a:r>
            <a:r>
              <a:rPr lang="en-US" altLang="en-US" dirty="0" err="1">
                <a:solidFill>
                  <a:schemeClr val="tx1"/>
                </a:solidFill>
                <a:latin typeface="Arial" panose="020B0604020202020204" pitchFamily="34" charset="0"/>
              </a:rPr>
              <a:t>OptiSystem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, we will evaluate the output signal quality. We will check the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Eye Diagram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to analyze key metrics like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Q-factor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,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Extinction Ratio (ER)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, and </a:t>
            </a: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Eye Height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Data Rate Performance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We will test our designs at a specific data rate (e.g., 2 Gbps for the XOR gate and potentially higher for other gates) to analyze performance degradation, which is a common challenge due to SOA carrier recovery time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endParaRPr lang="en-US" altLang="en-US" dirty="0">
              <a:solidFill>
                <a:schemeClr val="tx1"/>
              </a:solidFill>
              <a:latin typeface="Arial" panose="020B0604020202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  <a:buClrTx/>
              <a:buFontTx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Arial" panose="020B0604020202020204" pitchFamily="34" charset="0"/>
              </a:rPr>
              <a:t>Parameter Optimization:</a:t>
            </a: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 We will analyze the impact of various parameters such as input power, SOA injection current, and filter bandwidth on the performance of our circuits, as explored in the literature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F592A24-2303-1553-DF8C-1402631405E8}"/>
              </a:ext>
            </a:extLst>
          </p:cNvPr>
          <p:cNvCxnSpPr>
            <a:cxnSpLocks/>
          </p:cNvCxnSpPr>
          <p:nvPr/>
        </p:nvCxnSpPr>
        <p:spPr>
          <a:xfrm>
            <a:off x="6213988" y="726132"/>
            <a:ext cx="0" cy="5474643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954280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25T00:00:00.0000000Z"/>
  <p:tag name="OTLENDDATE" val="2018-08-01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15T00:00:00.0000000Z"/>
  <p:tag name="OTLENDDATE" val="2018-09-07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15T00:00:00.0000000Z"/>
  <p:tag name="OTLENDDATE" val="2018-09-17T23:59:00.0000000Z"/>
  <p:tag name="OTLPERCENTAGE" val="80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AUTODATERANGE" val="True"/>
  <p:tag name="OTLTIMEBANDSTARTDATE" val="2015-05-10T23:59:59.9990000Z"/>
  <p:tag name="OTLTIMEBANDENDDATE" val="2019-01-30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MARKERSHAPE" val="OTL"/>
  <p:tag name="OTLTIMEBANDSHAPEPADDINGLEFT" val="0"/>
  <p:tag name="OTLTIMEBANDTHREEDEFFECTS" val="Non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18-08-12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3"/>
  <p:tag name="OTLDATE" val="2018-09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18-08-12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2"/>
  <p:tag name="OTLDATE" val="2018-07-2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11-11T00:00:00.0000000Z"/>
  <p:tag name="OTLENDDATE" val="2018-12-11T23:59:00.0000000Z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08T00:00:00.0000000Z"/>
  <p:tag name="OTLENDDATE" val="2018-09-30T23:59:00.0000000Z"/>
  <p:tag name="OTLPERCENTAGE" val="60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493</TotalTime>
  <Words>1950</Words>
  <Application>Microsoft Office PowerPoint</Application>
  <PresentationFormat>Widescreen</PresentationFormat>
  <Paragraphs>211</Paragraphs>
  <Slides>13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4" baseType="lpstr">
      <vt:lpstr>Poppins SemiBold</vt:lpstr>
      <vt:lpstr>Open Sans</vt:lpstr>
      <vt:lpstr>Verdana</vt:lpstr>
      <vt:lpstr>Calibri</vt:lpstr>
      <vt:lpstr>Aharoni</vt:lpstr>
      <vt:lpstr>Arial</vt:lpstr>
      <vt:lpstr>Plus Jakarta Sans</vt:lpstr>
      <vt:lpstr>Segoe UI</vt:lpstr>
      <vt:lpstr>Montserrat</vt:lpstr>
      <vt:lpstr>Montserrat Medium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GITAM</dc:creator>
  <cp:lastModifiedBy>Dayanand Bisanal</cp:lastModifiedBy>
  <cp:revision>34</cp:revision>
  <dcterms:created xsi:type="dcterms:W3CDTF">2022-05-23T07:15:42Z</dcterms:created>
  <dcterms:modified xsi:type="dcterms:W3CDTF">2025-11-20T10:46:29Z</dcterms:modified>
</cp:coreProperties>
</file>